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3_決算国費G\K 決算関係（R6)\K01 決算・決特（R6）\08 市町村等に対する支出状況【資料８】\09_HP掲載\"/>
    </mc:Choice>
  </mc:AlternateContent>
  <bookViews>
    <workbookView xWindow="0" yWindow="0" windowWidth="21840" windowHeight="9756" firstSheet="2" activeTab="3"/>
  </bookViews>
  <sheets>
    <sheet name="順位（委託料）" sheetId="1" r:id="rId1"/>
    <sheet name="順位（負担金、補助及び交付金）" sheetId="2" r:id="rId2"/>
    <sheet name="一覧（委託料）" sheetId="3" r:id="rId3"/>
    <sheet name="一覧（負担金、補助及び交付金）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07" uniqueCount="319">
  <si>
    <t>３　団体に対する支出金額の状況</t>
    <phoneticPr fontId="1"/>
  </si>
  <si>
    <t xml:space="preserve">   (1)　委託料（12節）</t>
    <phoneticPr fontId="1"/>
  </si>
  <si>
    <t>順位</t>
    <phoneticPr fontId="1"/>
  </si>
  <si>
    <t>団　体　名</t>
    <phoneticPr fontId="1"/>
  </si>
  <si>
    <t>件　数</t>
    <phoneticPr fontId="1"/>
  </si>
  <si>
    <t>支出済額（円）</t>
    <phoneticPr fontId="1"/>
  </si>
  <si>
    <t>（株）横浜銀行</t>
    <phoneticPr fontId="1"/>
  </si>
  <si>
    <t>「新たな観光需要喚起」かながわ共同企業体</t>
    <phoneticPr fontId="1"/>
  </si>
  <si>
    <t>（株）東急コミュニティー</t>
    <phoneticPr fontId="1"/>
  </si>
  <si>
    <t>（株）綜企画設計</t>
    <phoneticPr fontId="1"/>
  </si>
  <si>
    <t>（福）神奈川県総合リハビリテーション事業団</t>
    <phoneticPr fontId="1"/>
  </si>
  <si>
    <t>（株）タック都市開発研究所</t>
    <phoneticPr fontId="1"/>
  </si>
  <si>
    <t>（株）日立製作所</t>
    <phoneticPr fontId="1"/>
  </si>
  <si>
    <t>（公財）神奈川芸術文化財団</t>
    <phoneticPr fontId="1"/>
  </si>
  <si>
    <t>ネットワンシステムズ（株）</t>
    <phoneticPr fontId="1"/>
  </si>
  <si>
    <t>ＰＦＩ神奈川（株）</t>
    <phoneticPr fontId="1"/>
  </si>
  <si>
    <t>（一社）かながわ土地建物保全協会</t>
    <phoneticPr fontId="1"/>
  </si>
  <si>
    <t>丸大観光（株）</t>
    <phoneticPr fontId="1"/>
  </si>
  <si>
    <t>（公財）神奈川県交通安全協会</t>
    <phoneticPr fontId="1"/>
  </si>
  <si>
    <t>（福）唐池学園</t>
    <phoneticPr fontId="1"/>
  </si>
  <si>
    <t>（株）ファーストユニオン</t>
    <phoneticPr fontId="1"/>
  </si>
  <si>
    <t>富士通Ｊａｐａｎ（株）</t>
    <phoneticPr fontId="1"/>
  </si>
  <si>
    <t>（福）かながわ共同会</t>
    <phoneticPr fontId="1"/>
  </si>
  <si>
    <t>（福）清和会</t>
    <phoneticPr fontId="1"/>
  </si>
  <si>
    <t>（公財）神奈川県公園協会・サカタのタネグリーンサービス（株）グループ</t>
    <rPh sb="1" eb="3">
      <t>コウザイ</t>
    </rPh>
    <phoneticPr fontId="1"/>
  </si>
  <si>
    <t>（福）みその</t>
    <phoneticPr fontId="1"/>
  </si>
  <si>
    <t>（株）ＫＳＰ</t>
    <phoneticPr fontId="1"/>
  </si>
  <si>
    <t>アルティウスリンク（株）</t>
    <phoneticPr fontId="1"/>
  </si>
  <si>
    <t>（公社）　神奈川県医師会</t>
    <phoneticPr fontId="1"/>
  </si>
  <si>
    <t>（株）玉川文化財研究所</t>
    <phoneticPr fontId="1"/>
  </si>
  <si>
    <t>オリックス自動車（株）</t>
    <phoneticPr fontId="1"/>
  </si>
  <si>
    <t>積水ハウス（株）</t>
    <phoneticPr fontId="1"/>
  </si>
  <si>
    <t>日本電気（株）</t>
    <phoneticPr fontId="1"/>
  </si>
  <si>
    <t>日本エンジニアリング（株）</t>
    <phoneticPr fontId="1"/>
  </si>
  <si>
    <t>（公財）神奈川文学振興会</t>
    <phoneticPr fontId="1"/>
  </si>
  <si>
    <t>（株）阪急交通社</t>
    <phoneticPr fontId="1"/>
  </si>
  <si>
    <t>東芝デジタルソリューションズ（株）</t>
    <phoneticPr fontId="1"/>
  </si>
  <si>
    <t>（公財）神奈川県都市整備技術センター</t>
    <phoneticPr fontId="1"/>
  </si>
  <si>
    <t>神奈川スポーツコミュニケーションズ（株）</t>
    <phoneticPr fontId="1"/>
  </si>
  <si>
    <t>大日本ダイヤコンサルタント（株）</t>
    <phoneticPr fontId="1"/>
  </si>
  <si>
    <t>（医）三思会</t>
    <phoneticPr fontId="1"/>
  </si>
  <si>
    <t>（有）ピー・エフ・アイ・エム・シーワン</t>
    <phoneticPr fontId="1"/>
  </si>
  <si>
    <t>（福）同愛会・（福）白根学園グループ</t>
    <phoneticPr fontId="1"/>
  </si>
  <si>
    <t>（福）心泉学園</t>
    <phoneticPr fontId="1"/>
  </si>
  <si>
    <t>（株）インタラック関東南</t>
    <phoneticPr fontId="1"/>
  </si>
  <si>
    <t>日本赤十字社</t>
    <phoneticPr fontId="1"/>
  </si>
  <si>
    <t>（株）アジア共同設計コンサルタント</t>
    <phoneticPr fontId="1"/>
  </si>
  <si>
    <t>（公社）青年海外協力協会</t>
    <phoneticPr fontId="1"/>
  </si>
  <si>
    <t>（公財）神奈川県結核予防会</t>
    <phoneticPr fontId="1"/>
  </si>
  <si>
    <t>（株）バックスグループ</t>
    <phoneticPr fontId="1"/>
  </si>
  <si>
    <t>（株）国設計</t>
    <phoneticPr fontId="1"/>
  </si>
  <si>
    <t>南観光交通（株）</t>
    <phoneticPr fontId="1"/>
  </si>
  <si>
    <t>（株）両毛システムズ</t>
    <phoneticPr fontId="1"/>
  </si>
  <si>
    <t>アジア航測（株）</t>
    <phoneticPr fontId="1"/>
  </si>
  <si>
    <t>（株）建設技術研究所</t>
    <phoneticPr fontId="1"/>
  </si>
  <si>
    <t>（公財）宮ヶ瀬ダム周辺振興財団</t>
    <phoneticPr fontId="1"/>
  </si>
  <si>
    <t xml:space="preserve">   (2)　負担金、補助及び交付金（18節）</t>
    <phoneticPr fontId="1"/>
  </si>
  <si>
    <t>神奈川県国民健康保険団体連合会</t>
    <phoneticPr fontId="1"/>
  </si>
  <si>
    <t>社会保険診療報酬支払基金</t>
    <phoneticPr fontId="1"/>
  </si>
  <si>
    <t>神奈川県後期高齢者医療広域連合</t>
    <phoneticPr fontId="1"/>
  </si>
  <si>
    <t>（地独）神奈川県立病院機構</t>
    <phoneticPr fontId="1"/>
  </si>
  <si>
    <t>（地独）神奈川県立産業技術総合研究所</t>
    <phoneticPr fontId="1"/>
  </si>
  <si>
    <t>（大）神奈川県立保健福祉大学</t>
    <phoneticPr fontId="1"/>
  </si>
  <si>
    <t>（独）鉄道建設・運輸施設整備支援機構</t>
    <phoneticPr fontId="1"/>
  </si>
  <si>
    <t>（独）福祉医療機構</t>
    <phoneticPr fontId="1"/>
  </si>
  <si>
    <t>（学）桐蔭学園</t>
    <phoneticPr fontId="1"/>
  </si>
  <si>
    <t>（学）日本大学</t>
    <phoneticPr fontId="1"/>
  </si>
  <si>
    <t>（公財）神奈川県市町村振興協会</t>
    <phoneticPr fontId="1"/>
  </si>
  <si>
    <t>（公社）国民健康保険中央会</t>
    <phoneticPr fontId="1"/>
  </si>
  <si>
    <t>（公財）神奈川産業振興センター</t>
    <phoneticPr fontId="1"/>
  </si>
  <si>
    <t>神奈川県信用保証協会</t>
    <phoneticPr fontId="1"/>
  </si>
  <si>
    <t>（学）藤嶺学園</t>
    <phoneticPr fontId="1"/>
  </si>
  <si>
    <t>（学）東海大学</t>
    <phoneticPr fontId="1"/>
  </si>
  <si>
    <t>慶應義塾</t>
    <phoneticPr fontId="1"/>
  </si>
  <si>
    <t>（学）法政大学</t>
    <phoneticPr fontId="1"/>
  </si>
  <si>
    <t>（学）堀井学園</t>
    <phoneticPr fontId="1"/>
  </si>
  <si>
    <t>（学）聖マリアンナ医科大学</t>
    <phoneticPr fontId="1"/>
  </si>
  <si>
    <t>（学）徳心学園</t>
    <phoneticPr fontId="1"/>
  </si>
  <si>
    <t>（学）大谷学園</t>
    <phoneticPr fontId="1"/>
  </si>
  <si>
    <t>（学）関東学院</t>
    <phoneticPr fontId="1"/>
  </si>
  <si>
    <t>（学）桐光学園</t>
    <phoneticPr fontId="1"/>
  </si>
  <si>
    <t>若松町１丁目地区市街地再開発組合</t>
    <phoneticPr fontId="1"/>
  </si>
  <si>
    <t>（学）明徳学園</t>
    <phoneticPr fontId="1"/>
  </si>
  <si>
    <t>（学）向上学園</t>
    <phoneticPr fontId="1"/>
  </si>
  <si>
    <t>（一社）神奈川県トラック協会</t>
    <phoneticPr fontId="1"/>
  </si>
  <si>
    <t>新綱島駅前地区市街地再開発組合</t>
    <phoneticPr fontId="1"/>
  </si>
  <si>
    <t>神奈川県森林組合連合会</t>
    <phoneticPr fontId="1"/>
  </si>
  <si>
    <t>（学）横須賀学院</t>
    <phoneticPr fontId="1"/>
  </si>
  <si>
    <t>（学）湘南工科大学</t>
    <phoneticPr fontId="1"/>
  </si>
  <si>
    <t>（学）湘南学院</t>
    <phoneticPr fontId="1"/>
  </si>
  <si>
    <t>（学）三浦学苑</t>
    <phoneticPr fontId="1"/>
  </si>
  <si>
    <t>（学）相模女子大学</t>
    <phoneticPr fontId="1"/>
  </si>
  <si>
    <t>（学）柏木学園</t>
    <phoneticPr fontId="1"/>
  </si>
  <si>
    <t>（学）光明学園</t>
    <phoneticPr fontId="1"/>
  </si>
  <si>
    <t>日本私立学校振興・共済事業団</t>
    <phoneticPr fontId="1"/>
  </si>
  <si>
    <t>（学）新名学園</t>
    <phoneticPr fontId="1"/>
  </si>
  <si>
    <t>小田急電鉄（株）</t>
    <phoneticPr fontId="1"/>
  </si>
  <si>
    <t>（学）横浜清風学園</t>
    <phoneticPr fontId="1"/>
  </si>
  <si>
    <t>（学）翔光学園</t>
    <phoneticPr fontId="1"/>
  </si>
  <si>
    <t>（学）平塚学園</t>
    <rPh sb="4" eb="5">
      <t>ツカ</t>
    </rPh>
    <phoneticPr fontId="1"/>
  </si>
  <si>
    <t>（学）立花学園</t>
    <phoneticPr fontId="1"/>
  </si>
  <si>
    <t>（学）藤華学院</t>
    <phoneticPr fontId="1"/>
  </si>
  <si>
    <t>（福）神奈川県社会福祉協議会</t>
    <phoneticPr fontId="1"/>
  </si>
  <si>
    <t>（学）横浜商科大学高等学校</t>
    <phoneticPr fontId="1"/>
  </si>
  <si>
    <t>（学）山手英学院</t>
    <phoneticPr fontId="1"/>
  </si>
  <si>
    <t>（学）横浜学園</t>
    <phoneticPr fontId="1"/>
  </si>
  <si>
    <t>４　団体別の支出金額内訳</t>
    <phoneticPr fontId="1"/>
  </si>
  <si>
    <t>団体名</t>
    <phoneticPr fontId="1"/>
  </si>
  <si>
    <t>支　出　区　分</t>
    <phoneticPr fontId="1"/>
  </si>
  <si>
    <t>執　行　局</t>
    <phoneticPr fontId="1"/>
  </si>
  <si>
    <t>執　行　所　属</t>
    <phoneticPr fontId="1"/>
  </si>
  <si>
    <t>その他委託料</t>
    <phoneticPr fontId="1"/>
  </si>
  <si>
    <t>産業労働局</t>
    <phoneticPr fontId="1"/>
  </si>
  <si>
    <t>中小企業支援課</t>
    <phoneticPr fontId="1"/>
  </si>
  <si>
    <t>総務局</t>
    <phoneticPr fontId="1"/>
  </si>
  <si>
    <t>税務指導課</t>
    <phoneticPr fontId="1"/>
  </si>
  <si>
    <t>合計</t>
    <phoneticPr fontId="1"/>
  </si>
  <si>
    <t>4件</t>
    <phoneticPr fontId="1"/>
  </si>
  <si>
    <t>国際文化観光局</t>
    <phoneticPr fontId="1"/>
  </si>
  <si>
    <t>観光課</t>
    <phoneticPr fontId="1"/>
  </si>
  <si>
    <t>1件</t>
    <phoneticPr fontId="1"/>
  </si>
  <si>
    <t>指定管理料</t>
    <phoneticPr fontId="1"/>
  </si>
  <si>
    <t>県土整備局</t>
    <phoneticPr fontId="1"/>
  </si>
  <si>
    <t>住宅営繕事務所</t>
    <phoneticPr fontId="1"/>
  </si>
  <si>
    <t>35件</t>
    <phoneticPr fontId="1"/>
  </si>
  <si>
    <t>設計等委託料</t>
    <phoneticPr fontId="1"/>
  </si>
  <si>
    <t>教育局</t>
    <phoneticPr fontId="1"/>
  </si>
  <si>
    <t>教育施設課</t>
    <phoneticPr fontId="1"/>
  </si>
  <si>
    <t>20件</t>
    <phoneticPr fontId="1"/>
  </si>
  <si>
    <t>健康医療局</t>
    <phoneticPr fontId="1"/>
  </si>
  <si>
    <t>県立病院課</t>
    <phoneticPr fontId="1"/>
  </si>
  <si>
    <t>福祉子どもみらい局</t>
    <phoneticPr fontId="1"/>
  </si>
  <si>
    <t>障害福祉課</t>
    <phoneticPr fontId="1"/>
  </si>
  <si>
    <t>小田原児童相談所</t>
    <phoneticPr fontId="1"/>
  </si>
  <si>
    <t>大和綾瀬地域児童相談所</t>
    <phoneticPr fontId="1"/>
  </si>
  <si>
    <t>平塚児童相談所</t>
  </si>
  <si>
    <t>厚木児童相談所</t>
    <phoneticPr fontId="1"/>
  </si>
  <si>
    <t>医療課</t>
    <phoneticPr fontId="1"/>
  </si>
  <si>
    <t>がん・疾病対策課</t>
    <phoneticPr fontId="1"/>
  </si>
  <si>
    <t>中央児童相談所</t>
    <phoneticPr fontId="1"/>
  </si>
  <si>
    <t>総合療育相談センター</t>
    <phoneticPr fontId="1"/>
  </si>
  <si>
    <t>18件</t>
    <phoneticPr fontId="1"/>
  </si>
  <si>
    <t>スポーツ局</t>
    <phoneticPr fontId="1"/>
  </si>
  <si>
    <t>スポーツ課</t>
    <phoneticPr fontId="1"/>
  </si>
  <si>
    <t>22件</t>
    <phoneticPr fontId="1"/>
  </si>
  <si>
    <t>システム開発・保守等委託料</t>
    <phoneticPr fontId="1"/>
  </si>
  <si>
    <t>総務室</t>
    <phoneticPr fontId="1"/>
  </si>
  <si>
    <t>デジタル戦略本部室</t>
    <phoneticPr fontId="1"/>
  </si>
  <si>
    <t>医療保険課</t>
    <phoneticPr fontId="1"/>
  </si>
  <si>
    <t>警察本部</t>
    <phoneticPr fontId="1"/>
  </si>
  <si>
    <t>警察本部会計課</t>
    <phoneticPr fontId="1"/>
  </si>
  <si>
    <t>技術管理課</t>
    <phoneticPr fontId="1"/>
  </si>
  <si>
    <t>調査・研究委託料</t>
    <phoneticPr fontId="1"/>
  </si>
  <si>
    <t>財政課</t>
    <phoneticPr fontId="1"/>
  </si>
  <si>
    <t>財務課</t>
    <phoneticPr fontId="1"/>
  </si>
  <si>
    <t>人事課</t>
    <phoneticPr fontId="1"/>
  </si>
  <si>
    <t>43件</t>
    <phoneticPr fontId="1"/>
  </si>
  <si>
    <t>文化課</t>
    <phoneticPr fontId="1"/>
  </si>
  <si>
    <t>7件</t>
    <phoneticPr fontId="1"/>
  </si>
  <si>
    <t>政策局</t>
    <phoneticPr fontId="1"/>
  </si>
  <si>
    <t>市町村課</t>
    <phoneticPr fontId="1"/>
  </si>
  <si>
    <t>5件</t>
    <phoneticPr fontId="1"/>
  </si>
  <si>
    <t>管理・保守等委託料</t>
    <phoneticPr fontId="1"/>
  </si>
  <si>
    <t>計量検定所</t>
    <phoneticPr fontId="1"/>
  </si>
  <si>
    <t>神奈川障害者職業能力開発校</t>
    <phoneticPr fontId="1"/>
  </si>
  <si>
    <t>12件</t>
    <phoneticPr fontId="1"/>
  </si>
  <si>
    <t>中原支援学校</t>
    <phoneticPr fontId="1"/>
  </si>
  <si>
    <t>秦野支援学校</t>
    <phoneticPr fontId="1"/>
  </si>
  <si>
    <t>鎌倉支援学校</t>
    <phoneticPr fontId="1"/>
  </si>
  <si>
    <t>三ツ境支援学校</t>
    <phoneticPr fontId="1"/>
  </si>
  <si>
    <t>瀬谷支援学校</t>
    <phoneticPr fontId="1"/>
  </si>
  <si>
    <t>金沢支援学校</t>
    <phoneticPr fontId="1"/>
  </si>
  <si>
    <t>えびな支援学校</t>
    <phoneticPr fontId="1"/>
  </si>
  <si>
    <t>鶴見支援学校</t>
    <phoneticPr fontId="1"/>
  </si>
  <si>
    <t>みどり支援学校</t>
    <phoneticPr fontId="1"/>
  </si>
  <si>
    <t>平塚支援学校</t>
  </si>
  <si>
    <t>保土ケ谷支援学校</t>
    <phoneticPr fontId="1"/>
  </si>
  <si>
    <t>湘南支援学校</t>
    <phoneticPr fontId="1"/>
  </si>
  <si>
    <t>茅ケ崎支援学校</t>
    <phoneticPr fontId="1"/>
  </si>
  <si>
    <t>座間支援学校</t>
    <phoneticPr fontId="1"/>
  </si>
  <si>
    <t>小田原支援学校</t>
    <phoneticPr fontId="1"/>
  </si>
  <si>
    <t>相模原中央支援学校</t>
    <phoneticPr fontId="1"/>
  </si>
  <si>
    <t>伊勢原支援学校</t>
    <phoneticPr fontId="1"/>
  </si>
  <si>
    <t>藤沢支援学校</t>
    <phoneticPr fontId="1"/>
  </si>
  <si>
    <t>相模原支援学校</t>
    <phoneticPr fontId="1"/>
  </si>
  <si>
    <t>69件</t>
    <phoneticPr fontId="1"/>
  </si>
  <si>
    <t>63件</t>
    <phoneticPr fontId="1"/>
  </si>
  <si>
    <t>子ども家庭課</t>
    <phoneticPr fontId="1"/>
  </si>
  <si>
    <t>精神保健福祉センター</t>
    <phoneticPr fontId="1"/>
  </si>
  <si>
    <t>鎌倉三浦地域児童相談所</t>
    <phoneticPr fontId="1"/>
  </si>
  <si>
    <t>130件</t>
    <phoneticPr fontId="1"/>
  </si>
  <si>
    <t>医療危機対策本部室</t>
    <phoneticPr fontId="1"/>
  </si>
  <si>
    <t>3件</t>
    <phoneticPr fontId="1"/>
  </si>
  <si>
    <t>会計局</t>
    <phoneticPr fontId="1"/>
  </si>
  <si>
    <t>指導課</t>
    <phoneticPr fontId="1"/>
  </si>
  <si>
    <t>河港課</t>
    <phoneticPr fontId="1"/>
  </si>
  <si>
    <t>県立図書館</t>
    <phoneticPr fontId="1"/>
  </si>
  <si>
    <t>衛生研究所</t>
    <phoneticPr fontId="1"/>
  </si>
  <si>
    <t>薬務課</t>
    <phoneticPr fontId="1"/>
  </si>
  <si>
    <t>会計課</t>
    <phoneticPr fontId="1"/>
  </si>
  <si>
    <t>歴史博物館</t>
    <phoneticPr fontId="1"/>
  </si>
  <si>
    <t>公文書館</t>
    <phoneticPr fontId="1"/>
  </si>
  <si>
    <t>生活衛生課</t>
    <phoneticPr fontId="1"/>
  </si>
  <si>
    <t>生活援護課</t>
    <phoneticPr fontId="1"/>
  </si>
  <si>
    <t>環境農政局</t>
    <phoneticPr fontId="1"/>
  </si>
  <si>
    <t>環境科学センター</t>
    <phoneticPr fontId="1"/>
  </si>
  <si>
    <t>横浜川崎治水事務所</t>
    <phoneticPr fontId="1"/>
  </si>
  <si>
    <t>くらし安全防災局</t>
    <phoneticPr fontId="1"/>
  </si>
  <si>
    <t>横須賀土木事務所</t>
    <phoneticPr fontId="1"/>
  </si>
  <si>
    <t>よこはま看護専門学校</t>
    <phoneticPr fontId="1"/>
  </si>
  <si>
    <t>76件</t>
    <phoneticPr fontId="1"/>
  </si>
  <si>
    <t>障害サービス課</t>
    <phoneticPr fontId="1"/>
  </si>
  <si>
    <t>14件</t>
    <phoneticPr fontId="1"/>
  </si>
  <si>
    <t>（公財）神奈川県公園協会・サカタのタネ　グリーンサービス（株）グループ</t>
    <rPh sb="1" eb="3">
      <t>コウザイ</t>
    </rPh>
    <rPh sb="29" eb="30">
      <t>カブ</t>
    </rPh>
    <phoneticPr fontId="1"/>
  </si>
  <si>
    <t>厚木土木事務所津久井治水センター</t>
    <phoneticPr fontId="1"/>
  </si>
  <si>
    <t>藤沢土木事務所</t>
    <phoneticPr fontId="1"/>
  </si>
  <si>
    <t>厚木土木事務所東部センター</t>
    <phoneticPr fontId="1"/>
  </si>
  <si>
    <t>61件</t>
    <phoneticPr fontId="1"/>
  </si>
  <si>
    <t>神奈川工業高等学校</t>
    <phoneticPr fontId="1"/>
  </si>
  <si>
    <t>15件</t>
    <phoneticPr fontId="1"/>
  </si>
  <si>
    <t>（公社）神奈川県医師会</t>
    <phoneticPr fontId="1"/>
  </si>
  <si>
    <t>消防保安課</t>
    <phoneticPr fontId="1"/>
  </si>
  <si>
    <t>総合防災センター</t>
    <phoneticPr fontId="1"/>
  </si>
  <si>
    <t>健康増進課</t>
    <phoneticPr fontId="1"/>
  </si>
  <si>
    <t>高齢福祉課</t>
    <phoneticPr fontId="1"/>
  </si>
  <si>
    <t>17件</t>
    <phoneticPr fontId="1"/>
  </si>
  <si>
    <t>厚木土木事務所</t>
    <phoneticPr fontId="1"/>
  </si>
  <si>
    <t>平塚土木事務所</t>
  </si>
  <si>
    <t>23件</t>
    <phoneticPr fontId="1"/>
  </si>
  <si>
    <t>11件</t>
    <phoneticPr fontId="1"/>
  </si>
  <si>
    <t>県西土木事務所</t>
    <phoneticPr fontId="1"/>
  </si>
  <si>
    <t>県西土木事務所小田原土木センター</t>
    <phoneticPr fontId="1"/>
  </si>
  <si>
    <t>地域県政総合センター</t>
    <phoneticPr fontId="1"/>
  </si>
  <si>
    <t>横須賀三浦地域県政総合センター</t>
    <phoneticPr fontId="1"/>
  </si>
  <si>
    <t>測量委託料</t>
    <phoneticPr fontId="1"/>
  </si>
  <si>
    <t>81件</t>
    <phoneticPr fontId="1"/>
  </si>
  <si>
    <t>2件</t>
    <phoneticPr fontId="1"/>
  </si>
  <si>
    <t>県土整備経理課</t>
    <phoneticPr fontId="1"/>
  </si>
  <si>
    <t>10件</t>
    <phoneticPr fontId="1"/>
  </si>
  <si>
    <t>県西地域県政総合センター</t>
    <phoneticPr fontId="1"/>
  </si>
  <si>
    <t>自然環境保全センター</t>
    <phoneticPr fontId="1"/>
  </si>
  <si>
    <t>県央地域県政総合センター</t>
    <phoneticPr fontId="1"/>
  </si>
  <si>
    <t>湘南地域県政総合センター</t>
    <phoneticPr fontId="1"/>
  </si>
  <si>
    <t>東部漁港事務所</t>
    <phoneticPr fontId="1"/>
  </si>
  <si>
    <t>93件</t>
    <phoneticPr fontId="1"/>
  </si>
  <si>
    <t>スポーツセンター</t>
    <phoneticPr fontId="1"/>
  </si>
  <si>
    <t>総合教育センター</t>
    <phoneticPr fontId="1"/>
  </si>
  <si>
    <t>横浜川崎治水事務所川崎治水センター</t>
    <phoneticPr fontId="1"/>
  </si>
  <si>
    <t>畜産課</t>
    <phoneticPr fontId="1"/>
  </si>
  <si>
    <t>30件</t>
    <phoneticPr fontId="1"/>
  </si>
  <si>
    <t>さがみ緑風園</t>
    <phoneticPr fontId="1"/>
  </si>
  <si>
    <t>職員厚生課</t>
    <phoneticPr fontId="1"/>
  </si>
  <si>
    <t>厚生課</t>
    <phoneticPr fontId="1"/>
  </si>
  <si>
    <t>西部総合職業技術校</t>
    <phoneticPr fontId="1"/>
  </si>
  <si>
    <t>医療費等</t>
    <phoneticPr fontId="1"/>
  </si>
  <si>
    <t>厚木保健福祉事務所</t>
    <phoneticPr fontId="1"/>
  </si>
  <si>
    <t>（福）同愛会・（福）白根学園グループ</t>
    <rPh sb="8" eb="9">
      <t>フク</t>
    </rPh>
    <rPh sb="10" eb="12">
      <t>シラネ</t>
    </rPh>
    <rPh sb="12" eb="14">
      <t>ガクエン</t>
    </rPh>
    <phoneticPr fontId="1"/>
  </si>
  <si>
    <t>39件</t>
    <phoneticPr fontId="1"/>
  </si>
  <si>
    <t>高校教育課</t>
    <phoneticPr fontId="1"/>
  </si>
  <si>
    <t>議会局</t>
    <phoneticPr fontId="1"/>
  </si>
  <si>
    <t>平塚保健福祉事務所秦野センター</t>
  </si>
  <si>
    <t>国際課</t>
    <phoneticPr fontId="1"/>
  </si>
  <si>
    <t>保健体育課</t>
    <phoneticPr fontId="1"/>
  </si>
  <si>
    <t>衛生看護専門学校</t>
    <phoneticPr fontId="1"/>
  </si>
  <si>
    <t>平塚看護大学校</t>
  </si>
  <si>
    <t>大船高等学校</t>
    <phoneticPr fontId="1"/>
  </si>
  <si>
    <t>金井高等学校</t>
    <phoneticPr fontId="1"/>
  </si>
  <si>
    <t>横浜瀬谷高等学校</t>
    <phoneticPr fontId="1"/>
  </si>
  <si>
    <t>かながわ農業アカデミー</t>
    <phoneticPr fontId="1"/>
  </si>
  <si>
    <t>79件</t>
    <phoneticPr fontId="1"/>
  </si>
  <si>
    <t>自動車税管理事務所</t>
    <phoneticPr fontId="1"/>
  </si>
  <si>
    <t>交通企画課</t>
    <phoneticPr fontId="1"/>
  </si>
  <si>
    <t>麻生支援学校</t>
    <phoneticPr fontId="1"/>
  </si>
  <si>
    <t>津久井支援学校</t>
    <phoneticPr fontId="1"/>
  </si>
  <si>
    <t>高津支援学校</t>
    <phoneticPr fontId="1"/>
  </si>
  <si>
    <t>特別支援教育課</t>
    <phoneticPr fontId="1"/>
  </si>
  <si>
    <t>25件</t>
    <phoneticPr fontId="1"/>
  </si>
  <si>
    <t>危機管理防災課</t>
    <phoneticPr fontId="1"/>
  </si>
  <si>
    <t>森林再生課</t>
    <phoneticPr fontId="1"/>
  </si>
  <si>
    <t>水源環境保全課</t>
    <phoneticPr fontId="1"/>
  </si>
  <si>
    <t>建築指導課</t>
    <phoneticPr fontId="1"/>
  </si>
  <si>
    <t>31件</t>
    <phoneticPr fontId="1"/>
  </si>
  <si>
    <t>道路企画課</t>
    <phoneticPr fontId="1"/>
  </si>
  <si>
    <t>土地水資源対策課</t>
    <phoneticPr fontId="1"/>
  </si>
  <si>
    <t>補助金・交付金</t>
    <phoneticPr fontId="1"/>
  </si>
  <si>
    <t>負担金</t>
    <phoneticPr fontId="1"/>
  </si>
  <si>
    <t>横浜南支援学校</t>
    <phoneticPr fontId="1"/>
  </si>
  <si>
    <t>会費、共益費</t>
    <phoneticPr fontId="1"/>
  </si>
  <si>
    <t>子ども自立生活支援センター</t>
    <phoneticPr fontId="1"/>
  </si>
  <si>
    <t>60件</t>
    <phoneticPr fontId="1"/>
  </si>
  <si>
    <t>産業振興課</t>
    <phoneticPr fontId="1"/>
  </si>
  <si>
    <t>中井やまゆり園</t>
    <phoneticPr fontId="1"/>
  </si>
  <si>
    <t>平塚保健福祉事務所</t>
  </si>
  <si>
    <t>鎌倉保健福祉事務所</t>
    <phoneticPr fontId="1"/>
  </si>
  <si>
    <t>小田原保健福祉事務所</t>
    <phoneticPr fontId="1"/>
  </si>
  <si>
    <t>平塚保健福祉事務所茅ケ崎支所</t>
  </si>
  <si>
    <t>小田原保健福祉事務所足柄上センター</t>
    <phoneticPr fontId="1"/>
  </si>
  <si>
    <t>厚木保健福祉事務所大和センター</t>
    <phoneticPr fontId="1"/>
  </si>
  <si>
    <t>東部総合職業技術校</t>
    <phoneticPr fontId="1"/>
  </si>
  <si>
    <t>27件</t>
    <phoneticPr fontId="1"/>
  </si>
  <si>
    <t>6件</t>
    <phoneticPr fontId="1"/>
  </si>
  <si>
    <t>地域福祉課</t>
    <phoneticPr fontId="1"/>
  </si>
  <si>
    <t>私学振興課</t>
    <phoneticPr fontId="1"/>
  </si>
  <si>
    <t>13件</t>
    <phoneticPr fontId="1"/>
  </si>
  <si>
    <t>企業誘致・国際ビジネス課</t>
    <phoneticPr fontId="1"/>
  </si>
  <si>
    <t>金融課</t>
    <phoneticPr fontId="1"/>
  </si>
  <si>
    <t>62件</t>
    <phoneticPr fontId="1"/>
  </si>
  <si>
    <t>共生推進本部室</t>
    <phoneticPr fontId="1"/>
  </si>
  <si>
    <t>いのち・未来戦略本部室</t>
    <phoneticPr fontId="1"/>
  </si>
  <si>
    <t>47件</t>
    <phoneticPr fontId="1"/>
  </si>
  <si>
    <t>都市整備課</t>
    <phoneticPr fontId="1"/>
  </si>
  <si>
    <t>9件</t>
    <phoneticPr fontId="1"/>
  </si>
  <si>
    <t>商業流通課</t>
    <phoneticPr fontId="1"/>
  </si>
  <si>
    <t>工事等負担金</t>
    <phoneticPr fontId="1"/>
  </si>
  <si>
    <t>（学）平塚学園</t>
  </si>
  <si>
    <t>次世代育成課</t>
    <phoneticPr fontId="1"/>
  </si>
  <si>
    <t>おおいそ学園</t>
    <phoneticPr fontId="1"/>
  </si>
  <si>
    <t>28件</t>
    <phoneticPr fontId="1"/>
  </si>
  <si>
    <t>（学）横浜商科大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##,##0"/>
    <numFmt numFmtId="177" formatCode="#,###"/>
  </numFmts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4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176" fontId="3" fillId="0" borderId="0" xfId="0" applyNumberFormat="1" applyFont="1">
      <alignment vertical="center"/>
    </xf>
    <xf numFmtId="0" fontId="4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177" fontId="3" fillId="0" borderId="1" xfId="0" applyNumberFormat="1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177" fontId="3" fillId="0" borderId="1" xfId="0" applyNumberFormat="1" applyFont="1" applyBorder="1">
      <alignment vertical="center"/>
    </xf>
    <xf numFmtId="0" fontId="5" fillId="0" borderId="1" xfId="0" applyFont="1" applyBorder="1">
      <alignment vertical="center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176" fontId="3" fillId="0" borderId="1" xfId="0" applyNumberFormat="1" applyFont="1" applyBorder="1" applyAlignment="1">
      <alignment horizontal="center" vertical="center"/>
    </xf>
    <xf numFmtId="0" fontId="3" fillId="0" borderId="2" xfId="0" applyFont="1" applyBorder="1" applyAlignment="1">
      <alignment vertical="top"/>
    </xf>
    <xf numFmtId="0" fontId="3" fillId="0" borderId="2" xfId="0" applyFont="1" applyBorder="1" applyAlignment="1">
      <alignment vertical="top" wrapText="1"/>
    </xf>
    <xf numFmtId="0" fontId="3" fillId="0" borderId="1" xfId="0" applyFont="1" applyBorder="1" applyAlignment="1">
      <alignment vertical="center" wrapText="1"/>
    </xf>
    <xf numFmtId="176" fontId="3" fillId="0" borderId="1" xfId="0" applyNumberFormat="1" applyFont="1" applyBorder="1">
      <alignment vertical="center"/>
    </xf>
    <xf numFmtId="0" fontId="3" fillId="0" borderId="3" xfId="0" applyFont="1" applyBorder="1">
      <alignment vertical="center"/>
    </xf>
    <xf numFmtId="0" fontId="3" fillId="0" borderId="3" xfId="0" applyFont="1" applyBorder="1" applyAlignment="1">
      <alignment vertical="top" wrapText="1"/>
    </xf>
    <xf numFmtId="0" fontId="3" fillId="0" borderId="2" xfId="0" applyFont="1" applyBorder="1" applyAlignment="1">
      <alignment vertical="center" wrapText="1"/>
    </xf>
    <xf numFmtId="176" fontId="3" fillId="0" borderId="2" xfId="0" applyNumberFormat="1" applyFont="1" applyBorder="1">
      <alignment vertical="center"/>
    </xf>
    <xf numFmtId="0" fontId="3" fillId="0" borderId="4" xfId="0" applyFont="1" applyBorder="1">
      <alignment vertical="center"/>
    </xf>
    <xf numFmtId="0" fontId="3" fillId="0" borderId="4" xfId="0" applyFont="1" applyBorder="1" applyAlignment="1">
      <alignment vertical="top" wrapText="1"/>
    </xf>
    <xf numFmtId="0" fontId="3" fillId="0" borderId="5" xfId="0" applyFont="1" applyBorder="1" applyAlignment="1">
      <alignment horizontal="right" vertical="center"/>
    </xf>
    <xf numFmtId="0" fontId="3" fillId="0" borderId="6" xfId="0" applyFont="1" applyBorder="1">
      <alignment vertical="center"/>
    </xf>
    <xf numFmtId="0" fontId="3" fillId="0" borderId="7" xfId="0" applyFont="1" applyBorder="1" applyAlignment="1">
      <alignment horizontal="right" vertical="center"/>
    </xf>
    <xf numFmtId="176" fontId="3" fillId="0" borderId="7" xfId="0" applyNumberFormat="1" applyFont="1" applyBorder="1">
      <alignment vertical="center"/>
    </xf>
    <xf numFmtId="0" fontId="5" fillId="0" borderId="2" xfId="0" applyFont="1" applyBorder="1" applyAlignment="1">
      <alignment horizontal="left" vertical="top" wrapText="1"/>
    </xf>
    <xf numFmtId="0" fontId="5" fillId="0" borderId="4" xfId="0" applyFont="1" applyBorder="1" applyAlignment="1">
      <alignment horizontal="left" vertical="top" wrapText="1"/>
    </xf>
    <xf numFmtId="0" fontId="3" fillId="0" borderId="2" xfId="0" applyFont="1" applyBorder="1" applyAlignment="1">
      <alignment horizontal="left" vertical="top" wrapText="1"/>
    </xf>
    <xf numFmtId="0" fontId="3" fillId="0" borderId="3" xfId="0" applyFont="1" applyBorder="1" applyAlignment="1">
      <alignment horizontal="left" vertical="top" wrapText="1"/>
    </xf>
    <xf numFmtId="0" fontId="3" fillId="0" borderId="2" xfId="0" applyFont="1" applyBorder="1">
      <alignment vertical="center"/>
    </xf>
    <xf numFmtId="0" fontId="3" fillId="0" borderId="8" xfId="0" applyFont="1" applyBorder="1" applyAlignment="1">
      <alignment vertical="center" wrapText="1"/>
    </xf>
    <xf numFmtId="0" fontId="3" fillId="0" borderId="9" xfId="0" applyFont="1" applyBorder="1" applyAlignment="1">
      <alignment vertical="center" wrapText="1"/>
    </xf>
    <xf numFmtId="0" fontId="3" fillId="0" borderId="4" xfId="0" applyFont="1" applyBorder="1" applyAlignment="1">
      <alignment horizontal="left" vertical="top" wrapText="1"/>
    </xf>
    <xf numFmtId="0" fontId="3" fillId="0" borderId="4" xfId="0" applyFont="1" applyBorder="1" applyAlignment="1">
      <alignment vertical="top"/>
    </xf>
    <xf numFmtId="0" fontId="8" fillId="0" borderId="4" xfId="0" applyFont="1" applyBorder="1" applyAlignment="1">
      <alignment vertical="top" wrapText="1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top" wrapText="1"/>
    </xf>
    <xf numFmtId="0" fontId="3" fillId="0" borderId="4" xfId="0" applyFont="1" applyBorder="1" applyAlignment="1">
      <alignment horizontal="center" vertical="top" wrapText="1"/>
    </xf>
    <xf numFmtId="0" fontId="3" fillId="0" borderId="1" xfId="0" applyFont="1" applyBorder="1" applyAlignment="1">
      <alignment vertical="top"/>
    </xf>
    <xf numFmtId="0" fontId="3" fillId="0" borderId="1" xfId="0" applyFont="1" applyBorder="1" applyAlignment="1">
      <alignment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3"/>
  <sheetViews>
    <sheetView view="pageBreakPreview" zoomScale="115" zoomScaleNormal="100" zoomScaleSheetLayoutView="115" workbookViewId="0">
      <selection activeCell="B8" sqref="B8"/>
    </sheetView>
  </sheetViews>
  <sheetFormatPr defaultRowHeight="13.2" x14ac:dyDescent="0.45"/>
  <cols>
    <col min="1" max="1" width="4.8984375" style="2" customWidth="1"/>
    <col min="2" max="2" width="55.5" style="2" customWidth="1"/>
    <col min="3" max="3" width="9.5" style="2" customWidth="1"/>
    <col min="4" max="4" width="15.796875" style="3" customWidth="1"/>
    <col min="5" max="16384" width="8.796875" style="2"/>
  </cols>
  <sheetData>
    <row r="1" spans="1:4" ht="19.2" x14ac:dyDescent="0.45">
      <c r="A1" s="1" t="s">
        <v>0</v>
      </c>
    </row>
    <row r="2" spans="1:4" ht="19.5" customHeight="1" x14ac:dyDescent="0.45">
      <c r="A2" s="4" t="s">
        <v>1</v>
      </c>
    </row>
    <row r="3" spans="1:4" ht="15.75" customHeight="1" x14ac:dyDescent="0.45">
      <c r="A3" s="5" t="s">
        <v>2</v>
      </c>
      <c r="B3" s="5" t="s">
        <v>3</v>
      </c>
      <c r="C3" s="5" t="s">
        <v>4</v>
      </c>
      <c r="D3" s="6" t="s">
        <v>5</v>
      </c>
    </row>
    <row r="4" spans="1:4" ht="15.75" customHeight="1" x14ac:dyDescent="0.45">
      <c r="A4" s="7">
        <v>1</v>
      </c>
      <c r="B4" s="7" t="s">
        <v>6</v>
      </c>
      <c r="C4" s="7">
        <v>4</v>
      </c>
      <c r="D4" s="8">
        <v>10502368166</v>
      </c>
    </row>
    <row r="5" spans="1:4" ht="15.75" customHeight="1" x14ac:dyDescent="0.45">
      <c r="A5" s="7">
        <v>2</v>
      </c>
      <c r="B5" s="7" t="s">
        <v>7</v>
      </c>
      <c r="C5" s="7">
        <v>1</v>
      </c>
      <c r="D5" s="8">
        <v>6129341966</v>
      </c>
    </row>
    <row r="6" spans="1:4" ht="15.75" customHeight="1" x14ac:dyDescent="0.45">
      <c r="A6" s="7">
        <v>3</v>
      </c>
      <c r="B6" s="7" t="s">
        <v>8</v>
      </c>
      <c r="C6" s="7">
        <v>35</v>
      </c>
      <c r="D6" s="8">
        <v>5627454457</v>
      </c>
    </row>
    <row r="7" spans="1:4" ht="15.75" customHeight="1" x14ac:dyDescent="0.45">
      <c r="A7" s="7">
        <v>4</v>
      </c>
      <c r="B7" s="7" t="s">
        <v>9</v>
      </c>
      <c r="C7" s="7">
        <v>20</v>
      </c>
      <c r="D7" s="8">
        <v>2972428664</v>
      </c>
    </row>
    <row r="8" spans="1:4" ht="15.75" customHeight="1" x14ac:dyDescent="0.45">
      <c r="A8" s="7">
        <v>5</v>
      </c>
      <c r="B8" s="7" t="s">
        <v>10</v>
      </c>
      <c r="C8" s="7">
        <v>18</v>
      </c>
      <c r="D8" s="8">
        <v>2654845268</v>
      </c>
    </row>
    <row r="9" spans="1:4" ht="15.75" customHeight="1" x14ac:dyDescent="0.45">
      <c r="A9" s="7">
        <v>6</v>
      </c>
      <c r="B9" s="7" t="s">
        <v>11</v>
      </c>
      <c r="C9" s="7">
        <v>22</v>
      </c>
      <c r="D9" s="8">
        <v>2405179265</v>
      </c>
    </row>
    <row r="10" spans="1:4" ht="15.75" customHeight="1" x14ac:dyDescent="0.45">
      <c r="A10" s="7">
        <v>7</v>
      </c>
      <c r="B10" s="7" t="s">
        <v>12</v>
      </c>
      <c r="C10" s="7">
        <v>43</v>
      </c>
      <c r="D10" s="8">
        <v>1742132550</v>
      </c>
    </row>
    <row r="11" spans="1:4" ht="15.75" customHeight="1" x14ac:dyDescent="0.45">
      <c r="A11" s="7">
        <v>8</v>
      </c>
      <c r="B11" s="7" t="s">
        <v>13</v>
      </c>
      <c r="C11" s="7">
        <v>7</v>
      </c>
      <c r="D11" s="8">
        <v>1581666000</v>
      </c>
    </row>
    <row r="12" spans="1:4" ht="15.75" customHeight="1" x14ac:dyDescent="0.45">
      <c r="A12" s="7">
        <v>9</v>
      </c>
      <c r="B12" s="7" t="s">
        <v>14</v>
      </c>
      <c r="C12" s="7">
        <v>5</v>
      </c>
      <c r="D12" s="8">
        <v>1473763214</v>
      </c>
    </row>
    <row r="13" spans="1:4" ht="15.75" customHeight="1" x14ac:dyDescent="0.45">
      <c r="A13" s="7">
        <v>10</v>
      </c>
      <c r="B13" s="7" t="s">
        <v>15</v>
      </c>
      <c r="C13" s="7">
        <v>1</v>
      </c>
      <c r="D13" s="8">
        <v>1203396232</v>
      </c>
    </row>
    <row r="14" spans="1:4" ht="15.75" customHeight="1" x14ac:dyDescent="0.45">
      <c r="A14" s="7">
        <v>11</v>
      </c>
      <c r="B14" s="7" t="s">
        <v>16</v>
      </c>
      <c r="C14" s="7">
        <v>12</v>
      </c>
      <c r="D14" s="8">
        <v>1147549881</v>
      </c>
    </row>
    <row r="15" spans="1:4" ht="15.75" customHeight="1" x14ac:dyDescent="0.45">
      <c r="A15" s="7">
        <v>12</v>
      </c>
      <c r="B15" s="7" t="s">
        <v>17</v>
      </c>
      <c r="C15" s="7">
        <v>69</v>
      </c>
      <c r="D15" s="8">
        <v>973517367</v>
      </c>
    </row>
    <row r="16" spans="1:4" ht="15.75" customHeight="1" x14ac:dyDescent="0.45">
      <c r="A16" s="7">
        <v>13</v>
      </c>
      <c r="B16" s="7" t="s">
        <v>18</v>
      </c>
      <c r="C16" s="7">
        <v>63</v>
      </c>
      <c r="D16" s="8">
        <v>907723379</v>
      </c>
    </row>
    <row r="17" spans="1:4" ht="15.75" customHeight="1" x14ac:dyDescent="0.45">
      <c r="A17" s="7">
        <v>14</v>
      </c>
      <c r="B17" s="7" t="s">
        <v>19</v>
      </c>
      <c r="C17" s="7">
        <v>130</v>
      </c>
      <c r="D17" s="8">
        <v>898284278</v>
      </c>
    </row>
    <row r="18" spans="1:4" ht="15.75" customHeight="1" x14ac:dyDescent="0.45">
      <c r="A18" s="7">
        <v>15</v>
      </c>
      <c r="B18" s="7" t="s">
        <v>20</v>
      </c>
      <c r="C18" s="7">
        <v>3</v>
      </c>
      <c r="D18" s="8">
        <v>847517176</v>
      </c>
    </row>
    <row r="19" spans="1:4" ht="15.75" customHeight="1" x14ac:dyDescent="0.45">
      <c r="A19" s="7">
        <v>16</v>
      </c>
      <c r="B19" s="7" t="s">
        <v>21</v>
      </c>
      <c r="C19" s="7">
        <v>76</v>
      </c>
      <c r="D19" s="8">
        <v>826657044</v>
      </c>
    </row>
    <row r="20" spans="1:4" ht="15.75" customHeight="1" x14ac:dyDescent="0.45">
      <c r="A20" s="7">
        <v>17</v>
      </c>
      <c r="B20" s="7" t="s">
        <v>22</v>
      </c>
      <c r="C20" s="7">
        <v>5</v>
      </c>
      <c r="D20" s="8">
        <v>801186200</v>
      </c>
    </row>
    <row r="21" spans="1:4" ht="15.75" customHeight="1" x14ac:dyDescent="0.45">
      <c r="A21" s="7">
        <v>18</v>
      </c>
      <c r="B21" s="7" t="s">
        <v>23</v>
      </c>
      <c r="C21" s="7">
        <v>14</v>
      </c>
      <c r="D21" s="8">
        <v>685401969</v>
      </c>
    </row>
    <row r="22" spans="1:4" ht="15.75" customHeight="1" x14ac:dyDescent="0.45">
      <c r="A22" s="7">
        <v>19</v>
      </c>
      <c r="B22" s="9" t="s">
        <v>24</v>
      </c>
      <c r="C22" s="7">
        <v>4</v>
      </c>
      <c r="D22" s="8">
        <v>652567000</v>
      </c>
    </row>
    <row r="23" spans="1:4" ht="15.75" customHeight="1" x14ac:dyDescent="0.45">
      <c r="A23" s="7">
        <v>20</v>
      </c>
      <c r="B23" s="7" t="s">
        <v>25</v>
      </c>
      <c r="C23" s="7">
        <v>61</v>
      </c>
      <c r="D23" s="8">
        <v>631746054</v>
      </c>
    </row>
    <row r="24" spans="1:4" ht="15.75" customHeight="1" x14ac:dyDescent="0.45">
      <c r="A24" s="7">
        <v>21</v>
      </c>
      <c r="B24" s="7" t="s">
        <v>26</v>
      </c>
      <c r="C24" s="7">
        <v>15</v>
      </c>
      <c r="D24" s="8">
        <v>576843402</v>
      </c>
    </row>
    <row r="25" spans="1:4" ht="15.75" customHeight="1" x14ac:dyDescent="0.45">
      <c r="A25" s="7">
        <v>22</v>
      </c>
      <c r="B25" s="7" t="s">
        <v>27</v>
      </c>
      <c r="C25" s="7">
        <v>1</v>
      </c>
      <c r="D25" s="8">
        <v>568260000</v>
      </c>
    </row>
    <row r="26" spans="1:4" ht="15.75" customHeight="1" x14ac:dyDescent="0.45">
      <c r="A26" s="7">
        <v>23</v>
      </c>
      <c r="B26" s="7" t="s">
        <v>28</v>
      </c>
      <c r="C26" s="7">
        <v>17</v>
      </c>
      <c r="D26" s="8">
        <v>521171218</v>
      </c>
    </row>
    <row r="27" spans="1:4" ht="15.75" customHeight="1" x14ac:dyDescent="0.45">
      <c r="A27" s="7">
        <v>24</v>
      </c>
      <c r="B27" s="7" t="s">
        <v>29</v>
      </c>
      <c r="C27" s="7">
        <v>15</v>
      </c>
      <c r="D27" s="8">
        <v>492961900</v>
      </c>
    </row>
    <row r="28" spans="1:4" ht="15.75" customHeight="1" x14ac:dyDescent="0.45">
      <c r="A28" s="7">
        <v>25</v>
      </c>
      <c r="B28" s="7" t="s">
        <v>30</v>
      </c>
      <c r="C28" s="7">
        <v>23</v>
      </c>
      <c r="D28" s="8">
        <v>475139352</v>
      </c>
    </row>
    <row r="29" spans="1:4" ht="15.75" customHeight="1" x14ac:dyDescent="0.45">
      <c r="A29" s="7">
        <v>26</v>
      </c>
      <c r="B29" s="7" t="s">
        <v>31</v>
      </c>
      <c r="C29" s="7">
        <v>4</v>
      </c>
      <c r="D29" s="8">
        <v>434798540</v>
      </c>
    </row>
    <row r="30" spans="1:4" ht="15.75" customHeight="1" x14ac:dyDescent="0.45">
      <c r="A30" s="7">
        <v>27</v>
      </c>
      <c r="B30" s="7" t="s">
        <v>32</v>
      </c>
      <c r="C30" s="7">
        <v>11</v>
      </c>
      <c r="D30" s="8">
        <v>433743350</v>
      </c>
    </row>
    <row r="31" spans="1:4" ht="15.75" customHeight="1" x14ac:dyDescent="0.45">
      <c r="A31" s="7">
        <v>28</v>
      </c>
      <c r="B31" s="7" t="s">
        <v>33</v>
      </c>
      <c r="C31" s="7">
        <v>81</v>
      </c>
      <c r="D31" s="8">
        <v>410166550</v>
      </c>
    </row>
    <row r="32" spans="1:4" ht="15.75" customHeight="1" x14ac:dyDescent="0.45">
      <c r="A32" s="7">
        <v>29</v>
      </c>
      <c r="B32" s="7" t="s">
        <v>34</v>
      </c>
      <c r="C32" s="7">
        <v>2</v>
      </c>
      <c r="D32" s="8">
        <v>410043000</v>
      </c>
    </row>
    <row r="33" spans="1:4" ht="15.75" customHeight="1" x14ac:dyDescent="0.45">
      <c r="A33" s="7">
        <v>30</v>
      </c>
      <c r="B33" s="7" t="s">
        <v>35</v>
      </c>
      <c r="C33" s="7">
        <v>4</v>
      </c>
      <c r="D33" s="8">
        <v>409382673</v>
      </c>
    </row>
    <row r="34" spans="1:4" ht="15.75" customHeight="1" x14ac:dyDescent="0.45">
      <c r="A34" s="7">
        <v>31</v>
      </c>
      <c r="B34" s="7" t="s">
        <v>36</v>
      </c>
      <c r="C34" s="7">
        <v>10</v>
      </c>
      <c r="D34" s="8">
        <v>384058620</v>
      </c>
    </row>
    <row r="35" spans="1:4" ht="15.75" customHeight="1" x14ac:dyDescent="0.45">
      <c r="A35" s="7">
        <v>32</v>
      </c>
      <c r="B35" s="7" t="s">
        <v>37</v>
      </c>
      <c r="C35" s="7">
        <v>93</v>
      </c>
      <c r="D35" s="8">
        <v>371067920</v>
      </c>
    </row>
    <row r="36" spans="1:4" ht="15.75" customHeight="1" x14ac:dyDescent="0.45">
      <c r="A36" s="7">
        <v>33</v>
      </c>
      <c r="B36" s="7" t="s">
        <v>38</v>
      </c>
      <c r="C36" s="7">
        <v>3</v>
      </c>
      <c r="D36" s="8">
        <v>363707628</v>
      </c>
    </row>
    <row r="37" spans="1:4" ht="15.75" customHeight="1" x14ac:dyDescent="0.45">
      <c r="A37" s="7">
        <v>34</v>
      </c>
      <c r="B37" s="7" t="s">
        <v>39</v>
      </c>
      <c r="C37" s="7">
        <v>30</v>
      </c>
      <c r="D37" s="8">
        <v>333227021</v>
      </c>
    </row>
    <row r="38" spans="1:4" ht="15.75" customHeight="1" x14ac:dyDescent="0.45">
      <c r="A38" s="7">
        <v>35</v>
      </c>
      <c r="B38" s="7" t="s">
        <v>40</v>
      </c>
      <c r="C38" s="7">
        <v>14</v>
      </c>
      <c r="D38" s="8">
        <v>332614348</v>
      </c>
    </row>
    <row r="39" spans="1:4" ht="15.75" customHeight="1" x14ac:dyDescent="0.45">
      <c r="A39" s="7">
        <v>36</v>
      </c>
      <c r="B39" s="7" t="s">
        <v>41</v>
      </c>
      <c r="C39" s="7">
        <v>1</v>
      </c>
      <c r="D39" s="8">
        <v>326753441</v>
      </c>
    </row>
    <row r="40" spans="1:4" ht="15.75" customHeight="1" x14ac:dyDescent="0.45">
      <c r="A40" s="7">
        <v>37</v>
      </c>
      <c r="B40" s="7" t="s">
        <v>42</v>
      </c>
      <c r="C40" s="7">
        <v>1</v>
      </c>
      <c r="D40" s="8">
        <v>322800000</v>
      </c>
    </row>
    <row r="41" spans="1:4" ht="15.75" customHeight="1" x14ac:dyDescent="0.45">
      <c r="A41" s="7">
        <v>38</v>
      </c>
      <c r="B41" s="7" t="s">
        <v>43</v>
      </c>
      <c r="C41" s="7">
        <v>39</v>
      </c>
      <c r="D41" s="8">
        <v>322157310</v>
      </c>
    </row>
    <row r="42" spans="1:4" ht="15.75" customHeight="1" x14ac:dyDescent="0.45">
      <c r="A42" s="7">
        <v>39</v>
      </c>
      <c r="B42" s="7" t="s">
        <v>44</v>
      </c>
      <c r="C42" s="7">
        <v>4</v>
      </c>
      <c r="D42" s="8">
        <v>320879244</v>
      </c>
    </row>
    <row r="43" spans="1:4" ht="15.75" customHeight="1" x14ac:dyDescent="0.45">
      <c r="A43" s="7">
        <v>40</v>
      </c>
      <c r="B43" s="7" t="s">
        <v>45</v>
      </c>
      <c r="C43" s="7">
        <v>18</v>
      </c>
      <c r="D43" s="8">
        <v>319943861</v>
      </c>
    </row>
    <row r="44" spans="1:4" ht="15.75" customHeight="1" x14ac:dyDescent="0.45">
      <c r="A44" s="7">
        <v>41</v>
      </c>
      <c r="B44" s="7" t="s">
        <v>46</v>
      </c>
      <c r="C44" s="7">
        <v>69</v>
      </c>
      <c r="D44" s="8">
        <v>312491534</v>
      </c>
    </row>
    <row r="45" spans="1:4" ht="15.75" customHeight="1" x14ac:dyDescent="0.45">
      <c r="A45" s="7">
        <v>42</v>
      </c>
      <c r="B45" s="7" t="s">
        <v>47</v>
      </c>
      <c r="C45" s="7">
        <v>3</v>
      </c>
      <c r="D45" s="8">
        <v>311552229</v>
      </c>
    </row>
    <row r="46" spans="1:4" ht="15.75" customHeight="1" x14ac:dyDescent="0.45">
      <c r="A46" s="7">
        <v>43</v>
      </c>
      <c r="B46" s="7" t="s">
        <v>48</v>
      </c>
      <c r="C46" s="7">
        <v>79</v>
      </c>
      <c r="D46" s="8">
        <v>301341015</v>
      </c>
    </row>
    <row r="47" spans="1:4" ht="15.75" customHeight="1" x14ac:dyDescent="0.45">
      <c r="A47" s="7">
        <v>44</v>
      </c>
      <c r="B47" s="7" t="s">
        <v>49</v>
      </c>
      <c r="C47" s="7">
        <v>5</v>
      </c>
      <c r="D47" s="8">
        <v>297584391</v>
      </c>
    </row>
    <row r="48" spans="1:4" ht="15.75" customHeight="1" x14ac:dyDescent="0.45">
      <c r="A48" s="7">
        <v>45</v>
      </c>
      <c r="B48" s="7" t="s">
        <v>50</v>
      </c>
      <c r="C48" s="7">
        <v>10</v>
      </c>
      <c r="D48" s="8">
        <v>291287700</v>
      </c>
    </row>
    <row r="49" spans="1:4" ht="15.75" customHeight="1" x14ac:dyDescent="0.45">
      <c r="A49" s="7">
        <v>46</v>
      </c>
      <c r="B49" s="7" t="s">
        <v>51</v>
      </c>
      <c r="C49" s="7">
        <v>25</v>
      </c>
      <c r="D49" s="8">
        <v>282882521</v>
      </c>
    </row>
    <row r="50" spans="1:4" ht="15.75" customHeight="1" x14ac:dyDescent="0.45">
      <c r="A50" s="7">
        <v>47</v>
      </c>
      <c r="B50" s="7" t="s">
        <v>52</v>
      </c>
      <c r="C50" s="7">
        <v>1</v>
      </c>
      <c r="D50" s="8">
        <v>280500000</v>
      </c>
    </row>
    <row r="51" spans="1:4" ht="15.75" customHeight="1" x14ac:dyDescent="0.45">
      <c r="A51" s="7">
        <v>48</v>
      </c>
      <c r="B51" s="7" t="s">
        <v>53</v>
      </c>
      <c r="C51" s="7">
        <v>31</v>
      </c>
      <c r="D51" s="8">
        <v>276108032</v>
      </c>
    </row>
    <row r="52" spans="1:4" ht="15.75" customHeight="1" x14ac:dyDescent="0.45">
      <c r="A52" s="7">
        <v>49</v>
      </c>
      <c r="B52" s="7" t="s">
        <v>54</v>
      </c>
      <c r="C52" s="7">
        <v>31</v>
      </c>
      <c r="D52" s="8">
        <v>275001100</v>
      </c>
    </row>
    <row r="53" spans="1:4" ht="15.75" customHeight="1" x14ac:dyDescent="0.45">
      <c r="A53" s="7">
        <v>50</v>
      </c>
      <c r="B53" s="7" t="s">
        <v>55</v>
      </c>
      <c r="C53" s="7">
        <v>4</v>
      </c>
      <c r="D53" s="8">
        <v>272518000</v>
      </c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3"/>
  <sheetViews>
    <sheetView view="pageBreakPreview" topLeftCell="B1" zoomScale="130" zoomScaleNormal="100" zoomScaleSheetLayoutView="130" workbookViewId="0">
      <selection activeCell="D4" sqref="D4"/>
    </sheetView>
  </sheetViews>
  <sheetFormatPr defaultRowHeight="13.2" x14ac:dyDescent="0.45"/>
  <cols>
    <col min="1" max="1" width="4.8984375" style="2" customWidth="1"/>
    <col min="2" max="2" width="55.5" style="2" customWidth="1"/>
    <col min="3" max="3" width="9.5" style="2" customWidth="1"/>
    <col min="4" max="4" width="15.69921875" style="3" customWidth="1"/>
    <col min="5" max="16384" width="8.796875" style="2"/>
  </cols>
  <sheetData>
    <row r="1" spans="1:4" ht="19.2" x14ac:dyDescent="0.45">
      <c r="A1" s="1"/>
    </row>
    <row r="2" spans="1:4" ht="19.5" customHeight="1" x14ac:dyDescent="0.45">
      <c r="A2" s="4" t="s">
        <v>56</v>
      </c>
    </row>
    <row r="3" spans="1:4" ht="15.75" customHeight="1" x14ac:dyDescent="0.45">
      <c r="A3" s="5" t="s">
        <v>2</v>
      </c>
      <c r="B3" s="5" t="s">
        <v>3</v>
      </c>
      <c r="C3" s="5" t="s">
        <v>4</v>
      </c>
      <c r="D3" s="6" t="s">
        <v>5</v>
      </c>
    </row>
    <row r="4" spans="1:4" ht="15.75" customHeight="1" x14ac:dyDescent="0.45">
      <c r="A4" s="7">
        <v>1</v>
      </c>
      <c r="B4" s="7" t="s">
        <v>57</v>
      </c>
      <c r="C4" s="7">
        <v>4</v>
      </c>
      <c r="D4" s="8">
        <v>531217398408</v>
      </c>
    </row>
    <row r="5" spans="1:4" ht="15.75" customHeight="1" x14ac:dyDescent="0.45">
      <c r="A5" s="7">
        <v>2</v>
      </c>
      <c r="B5" s="7" t="s">
        <v>58</v>
      </c>
      <c r="C5" s="7">
        <v>4</v>
      </c>
      <c r="D5" s="8">
        <v>152003995929</v>
      </c>
    </row>
    <row r="6" spans="1:4" ht="15.75" customHeight="1" x14ac:dyDescent="0.45">
      <c r="A6" s="7">
        <v>3</v>
      </c>
      <c r="B6" s="7" t="s">
        <v>59</v>
      </c>
      <c r="C6" s="7">
        <v>2</v>
      </c>
      <c r="D6" s="8">
        <v>86671937000</v>
      </c>
    </row>
    <row r="7" spans="1:4" ht="15.75" customHeight="1" x14ac:dyDescent="0.45">
      <c r="A7" s="7">
        <v>4</v>
      </c>
      <c r="B7" s="7" t="s">
        <v>60</v>
      </c>
      <c r="C7" s="7">
        <v>60</v>
      </c>
      <c r="D7" s="8">
        <v>12434029664</v>
      </c>
    </row>
    <row r="8" spans="1:4" ht="15.75" customHeight="1" x14ac:dyDescent="0.45">
      <c r="A8" s="7">
        <v>5</v>
      </c>
      <c r="B8" s="7" t="s">
        <v>61</v>
      </c>
      <c r="C8" s="7">
        <v>3</v>
      </c>
      <c r="D8" s="8">
        <v>3064343850</v>
      </c>
    </row>
    <row r="9" spans="1:4" ht="15.75" customHeight="1" x14ac:dyDescent="0.45">
      <c r="A9" s="7">
        <v>6</v>
      </c>
      <c r="B9" s="7" t="s">
        <v>62</v>
      </c>
      <c r="C9" s="7">
        <v>27</v>
      </c>
      <c r="D9" s="8">
        <v>2521259230</v>
      </c>
    </row>
    <row r="10" spans="1:4" ht="15.75" customHeight="1" x14ac:dyDescent="0.45">
      <c r="A10" s="7">
        <v>7</v>
      </c>
      <c r="B10" s="7" t="s">
        <v>63</v>
      </c>
      <c r="C10" s="7">
        <v>6</v>
      </c>
      <c r="D10" s="8">
        <v>2396592187</v>
      </c>
    </row>
    <row r="11" spans="1:4" ht="15.75" customHeight="1" x14ac:dyDescent="0.45">
      <c r="A11" s="7">
        <v>8</v>
      </c>
      <c r="B11" s="7" t="s">
        <v>64</v>
      </c>
      <c r="C11" s="7">
        <v>14</v>
      </c>
      <c r="D11" s="8">
        <v>1692989580</v>
      </c>
    </row>
    <row r="12" spans="1:4" ht="15.75" customHeight="1" x14ac:dyDescent="0.45">
      <c r="A12" s="7">
        <v>9</v>
      </c>
      <c r="B12" s="7" t="s">
        <v>65</v>
      </c>
      <c r="C12" s="7">
        <v>13</v>
      </c>
      <c r="D12" s="8">
        <v>1661525000</v>
      </c>
    </row>
    <row r="13" spans="1:4" ht="15.75" customHeight="1" x14ac:dyDescent="0.45">
      <c r="A13" s="7">
        <v>10</v>
      </c>
      <c r="B13" s="7" t="s">
        <v>66</v>
      </c>
      <c r="C13" s="7">
        <v>12</v>
      </c>
      <c r="D13" s="8">
        <v>1625020378</v>
      </c>
    </row>
    <row r="14" spans="1:4" ht="15.75" customHeight="1" x14ac:dyDescent="0.45">
      <c r="A14" s="7">
        <v>11</v>
      </c>
      <c r="B14" s="7" t="s">
        <v>67</v>
      </c>
      <c r="C14" s="7">
        <v>6</v>
      </c>
      <c r="D14" s="8">
        <v>1497565959</v>
      </c>
    </row>
    <row r="15" spans="1:4" ht="15.75" customHeight="1" x14ac:dyDescent="0.45">
      <c r="A15" s="7">
        <v>12</v>
      </c>
      <c r="B15" s="7" t="s">
        <v>68</v>
      </c>
      <c r="C15" s="7">
        <v>2</v>
      </c>
      <c r="D15" s="8">
        <v>1419598418</v>
      </c>
    </row>
    <row r="16" spans="1:4" ht="15.75" customHeight="1" x14ac:dyDescent="0.45">
      <c r="A16" s="7">
        <v>13</v>
      </c>
      <c r="B16" s="7" t="s">
        <v>69</v>
      </c>
      <c r="C16" s="7">
        <v>62</v>
      </c>
      <c r="D16" s="8">
        <v>1354556245</v>
      </c>
    </row>
    <row r="17" spans="1:4" ht="15.75" customHeight="1" x14ac:dyDescent="0.45">
      <c r="A17" s="7">
        <v>14</v>
      </c>
      <c r="B17" s="7" t="s">
        <v>70</v>
      </c>
      <c r="C17" s="7">
        <v>6</v>
      </c>
      <c r="D17" s="8">
        <v>1341663927</v>
      </c>
    </row>
    <row r="18" spans="1:4" ht="15.75" customHeight="1" x14ac:dyDescent="0.45">
      <c r="A18" s="7">
        <v>15</v>
      </c>
      <c r="B18" s="7" t="s">
        <v>71</v>
      </c>
      <c r="C18" s="7">
        <v>20</v>
      </c>
      <c r="D18" s="8">
        <v>1306499331</v>
      </c>
    </row>
    <row r="19" spans="1:4" ht="15.75" customHeight="1" x14ac:dyDescent="0.45">
      <c r="A19" s="7">
        <v>16</v>
      </c>
      <c r="B19" s="7" t="s">
        <v>72</v>
      </c>
      <c r="C19" s="7">
        <v>30</v>
      </c>
      <c r="D19" s="8">
        <v>1275260983</v>
      </c>
    </row>
    <row r="20" spans="1:4" ht="15.75" customHeight="1" x14ac:dyDescent="0.45">
      <c r="A20" s="7">
        <v>17</v>
      </c>
      <c r="B20" s="7" t="s">
        <v>73</v>
      </c>
      <c r="C20" s="7">
        <v>11</v>
      </c>
      <c r="D20" s="8">
        <v>1251293846</v>
      </c>
    </row>
    <row r="21" spans="1:4" ht="15.75" customHeight="1" x14ac:dyDescent="0.45">
      <c r="A21" s="7">
        <v>18</v>
      </c>
      <c r="B21" s="7" t="s">
        <v>74</v>
      </c>
      <c r="C21" s="7">
        <v>6</v>
      </c>
      <c r="D21" s="8">
        <v>1203791300</v>
      </c>
    </row>
    <row r="22" spans="1:4" ht="15.75" customHeight="1" x14ac:dyDescent="0.45">
      <c r="A22" s="7">
        <v>19</v>
      </c>
      <c r="B22" s="7" t="s">
        <v>75</v>
      </c>
      <c r="C22" s="7">
        <v>15</v>
      </c>
      <c r="D22" s="8">
        <v>1141581200</v>
      </c>
    </row>
    <row r="23" spans="1:4" ht="15.75" customHeight="1" x14ac:dyDescent="0.45">
      <c r="A23" s="7">
        <v>20</v>
      </c>
      <c r="B23" s="7" t="s">
        <v>76</v>
      </c>
      <c r="C23" s="7">
        <v>47</v>
      </c>
      <c r="D23" s="8">
        <v>1140573188</v>
      </c>
    </row>
    <row r="24" spans="1:4" ht="15.75" customHeight="1" x14ac:dyDescent="0.45">
      <c r="A24" s="7">
        <v>21</v>
      </c>
      <c r="B24" s="7" t="s">
        <v>77</v>
      </c>
      <c r="C24" s="7">
        <v>5</v>
      </c>
      <c r="D24" s="8">
        <v>1099931600</v>
      </c>
    </row>
    <row r="25" spans="1:4" ht="15.75" customHeight="1" x14ac:dyDescent="0.45">
      <c r="A25" s="7">
        <v>22</v>
      </c>
      <c r="B25" s="7" t="s">
        <v>78</v>
      </c>
      <c r="C25" s="7">
        <v>22</v>
      </c>
      <c r="D25" s="8">
        <v>1075325400</v>
      </c>
    </row>
    <row r="26" spans="1:4" ht="15.75" customHeight="1" x14ac:dyDescent="0.45">
      <c r="A26" s="7">
        <v>23</v>
      </c>
      <c r="B26" s="7" t="s">
        <v>79</v>
      </c>
      <c r="C26" s="7">
        <v>15</v>
      </c>
      <c r="D26" s="8">
        <v>1062022800</v>
      </c>
    </row>
    <row r="27" spans="1:4" ht="15.75" customHeight="1" x14ac:dyDescent="0.45">
      <c r="A27" s="7">
        <v>24</v>
      </c>
      <c r="B27" s="7" t="s">
        <v>80</v>
      </c>
      <c r="C27" s="7">
        <v>15</v>
      </c>
      <c r="D27" s="8">
        <v>1003363820</v>
      </c>
    </row>
    <row r="28" spans="1:4" ht="15.75" customHeight="1" x14ac:dyDescent="0.45">
      <c r="A28" s="7">
        <v>25</v>
      </c>
      <c r="B28" s="7" t="s">
        <v>81</v>
      </c>
      <c r="C28" s="7">
        <v>2</v>
      </c>
      <c r="D28" s="8">
        <v>981638000</v>
      </c>
    </row>
    <row r="29" spans="1:4" ht="15.75" customHeight="1" x14ac:dyDescent="0.45">
      <c r="A29" s="7">
        <v>26</v>
      </c>
      <c r="B29" s="7" t="s">
        <v>82</v>
      </c>
      <c r="C29" s="7">
        <v>6</v>
      </c>
      <c r="D29" s="8">
        <v>928180824</v>
      </c>
    </row>
    <row r="30" spans="1:4" ht="15.75" customHeight="1" x14ac:dyDescent="0.45">
      <c r="A30" s="7">
        <v>27</v>
      </c>
      <c r="B30" s="7" t="s">
        <v>83</v>
      </c>
      <c r="C30" s="7">
        <v>9</v>
      </c>
      <c r="D30" s="8">
        <v>894300670</v>
      </c>
    </row>
    <row r="31" spans="1:4" ht="15.75" customHeight="1" x14ac:dyDescent="0.45">
      <c r="A31" s="7">
        <v>28</v>
      </c>
      <c r="B31" s="7" t="s">
        <v>84</v>
      </c>
      <c r="C31" s="7">
        <v>1</v>
      </c>
      <c r="D31" s="8">
        <v>875849000</v>
      </c>
    </row>
    <row r="32" spans="1:4" ht="15.75" customHeight="1" x14ac:dyDescent="0.45">
      <c r="A32" s="7">
        <v>29</v>
      </c>
      <c r="B32" s="7" t="s">
        <v>85</v>
      </c>
      <c r="C32" s="7">
        <v>2</v>
      </c>
      <c r="D32" s="8">
        <v>852928000</v>
      </c>
    </row>
    <row r="33" spans="1:4" ht="15.75" customHeight="1" x14ac:dyDescent="0.45">
      <c r="A33" s="7">
        <v>30</v>
      </c>
      <c r="B33" s="7" t="s">
        <v>86</v>
      </c>
      <c r="C33" s="7">
        <v>9</v>
      </c>
      <c r="D33" s="8">
        <v>843480500</v>
      </c>
    </row>
    <row r="34" spans="1:4" ht="15.75" customHeight="1" x14ac:dyDescent="0.45">
      <c r="A34" s="7">
        <v>31</v>
      </c>
      <c r="B34" s="7" t="s">
        <v>6</v>
      </c>
      <c r="C34" s="7">
        <v>14</v>
      </c>
      <c r="D34" s="8">
        <v>826417118</v>
      </c>
    </row>
    <row r="35" spans="1:4" ht="15.75" customHeight="1" x14ac:dyDescent="0.45">
      <c r="A35" s="7">
        <v>32</v>
      </c>
      <c r="B35" s="7" t="s">
        <v>87</v>
      </c>
      <c r="C35" s="7">
        <v>6</v>
      </c>
      <c r="D35" s="8">
        <v>810179300</v>
      </c>
    </row>
    <row r="36" spans="1:4" ht="15.75" customHeight="1" x14ac:dyDescent="0.45">
      <c r="A36" s="7">
        <v>33</v>
      </c>
      <c r="B36" s="7" t="s">
        <v>88</v>
      </c>
      <c r="C36" s="7">
        <v>5</v>
      </c>
      <c r="D36" s="8">
        <v>767672506</v>
      </c>
    </row>
    <row r="37" spans="1:4" ht="15.75" customHeight="1" x14ac:dyDescent="0.45">
      <c r="A37" s="7">
        <v>34</v>
      </c>
      <c r="B37" s="7" t="s">
        <v>89</v>
      </c>
      <c r="C37" s="7">
        <v>4</v>
      </c>
      <c r="D37" s="8">
        <v>766201600</v>
      </c>
    </row>
    <row r="38" spans="1:4" ht="15.75" customHeight="1" x14ac:dyDescent="0.45">
      <c r="A38" s="7">
        <v>35</v>
      </c>
      <c r="B38" s="7" t="s">
        <v>90</v>
      </c>
      <c r="C38" s="7">
        <v>5</v>
      </c>
      <c r="D38" s="8">
        <v>762376500</v>
      </c>
    </row>
    <row r="39" spans="1:4" ht="15.75" customHeight="1" x14ac:dyDescent="0.45">
      <c r="A39" s="7">
        <v>36</v>
      </c>
      <c r="B39" s="7" t="s">
        <v>91</v>
      </c>
      <c r="C39" s="7">
        <v>10</v>
      </c>
      <c r="D39" s="8">
        <v>754742900</v>
      </c>
    </row>
    <row r="40" spans="1:4" ht="15.75" customHeight="1" x14ac:dyDescent="0.45">
      <c r="A40" s="7">
        <v>37</v>
      </c>
      <c r="B40" s="7" t="s">
        <v>92</v>
      </c>
      <c r="C40" s="7">
        <v>18</v>
      </c>
      <c r="D40" s="8">
        <v>717251800</v>
      </c>
    </row>
    <row r="41" spans="1:4" ht="15.75" customHeight="1" x14ac:dyDescent="0.45">
      <c r="A41" s="7">
        <v>38</v>
      </c>
      <c r="B41" s="7" t="s">
        <v>93</v>
      </c>
      <c r="C41" s="7">
        <v>6</v>
      </c>
      <c r="D41" s="8">
        <v>711920250</v>
      </c>
    </row>
    <row r="42" spans="1:4" ht="15.75" customHeight="1" x14ac:dyDescent="0.45">
      <c r="A42" s="7">
        <v>39</v>
      </c>
      <c r="B42" s="7" t="s">
        <v>94</v>
      </c>
      <c r="C42" s="7">
        <v>1</v>
      </c>
      <c r="D42" s="8">
        <v>707108096</v>
      </c>
    </row>
    <row r="43" spans="1:4" ht="15.75" customHeight="1" x14ac:dyDescent="0.45">
      <c r="A43" s="7">
        <v>40</v>
      </c>
      <c r="B43" s="7" t="s">
        <v>95</v>
      </c>
      <c r="C43" s="7">
        <v>5</v>
      </c>
      <c r="D43" s="8">
        <v>693449572</v>
      </c>
    </row>
    <row r="44" spans="1:4" ht="15.75" customHeight="1" x14ac:dyDescent="0.45">
      <c r="A44" s="7">
        <v>41</v>
      </c>
      <c r="B44" s="7" t="s">
        <v>96</v>
      </c>
      <c r="C44" s="7">
        <v>5</v>
      </c>
      <c r="D44" s="8">
        <v>689944283</v>
      </c>
    </row>
    <row r="45" spans="1:4" ht="15.75" customHeight="1" x14ac:dyDescent="0.45">
      <c r="A45" s="7">
        <v>42</v>
      </c>
      <c r="B45" s="7" t="s">
        <v>97</v>
      </c>
      <c r="C45" s="7">
        <v>4</v>
      </c>
      <c r="D45" s="8">
        <v>686833200</v>
      </c>
    </row>
    <row r="46" spans="1:4" ht="15.75" customHeight="1" x14ac:dyDescent="0.45">
      <c r="A46" s="7">
        <v>43</v>
      </c>
      <c r="B46" s="7" t="s">
        <v>98</v>
      </c>
      <c r="C46" s="7">
        <v>4</v>
      </c>
      <c r="D46" s="8">
        <v>686779900</v>
      </c>
    </row>
    <row r="47" spans="1:4" ht="15.75" customHeight="1" x14ac:dyDescent="0.45">
      <c r="A47" s="7">
        <v>44</v>
      </c>
      <c r="B47" s="7" t="s">
        <v>99</v>
      </c>
      <c r="C47" s="7">
        <v>11</v>
      </c>
      <c r="D47" s="8">
        <v>677231050</v>
      </c>
    </row>
    <row r="48" spans="1:4" ht="15.75" customHeight="1" x14ac:dyDescent="0.45">
      <c r="A48" s="7">
        <v>45</v>
      </c>
      <c r="B48" s="7" t="s">
        <v>100</v>
      </c>
      <c r="C48" s="7">
        <v>6</v>
      </c>
      <c r="D48" s="8">
        <v>673475036</v>
      </c>
    </row>
    <row r="49" spans="1:4" ht="15.75" customHeight="1" x14ac:dyDescent="0.45">
      <c r="A49" s="7">
        <v>46</v>
      </c>
      <c r="B49" s="7" t="s">
        <v>101</v>
      </c>
      <c r="C49" s="7">
        <v>5</v>
      </c>
      <c r="D49" s="8">
        <v>640025600</v>
      </c>
    </row>
    <row r="50" spans="1:4" ht="15.75" customHeight="1" x14ac:dyDescent="0.45">
      <c r="A50" s="7">
        <v>47</v>
      </c>
      <c r="B50" s="7" t="s">
        <v>102</v>
      </c>
      <c r="C50" s="7">
        <v>28</v>
      </c>
      <c r="D50" s="8">
        <v>627571295</v>
      </c>
    </row>
    <row r="51" spans="1:4" ht="15.75" customHeight="1" x14ac:dyDescent="0.45">
      <c r="A51" s="7">
        <v>48</v>
      </c>
      <c r="B51" s="7" t="s">
        <v>103</v>
      </c>
      <c r="C51" s="7">
        <v>5</v>
      </c>
      <c r="D51" s="8">
        <v>626509500</v>
      </c>
    </row>
    <row r="52" spans="1:4" ht="15.75" customHeight="1" x14ac:dyDescent="0.45">
      <c r="A52" s="7">
        <v>49</v>
      </c>
      <c r="B52" s="7" t="s">
        <v>104</v>
      </c>
      <c r="C52" s="7">
        <v>6</v>
      </c>
      <c r="D52" s="8">
        <v>622594200</v>
      </c>
    </row>
    <row r="53" spans="1:4" ht="15.75" customHeight="1" x14ac:dyDescent="0.45">
      <c r="A53" s="7">
        <v>50</v>
      </c>
      <c r="B53" s="7" t="s">
        <v>105</v>
      </c>
      <c r="C53" s="7">
        <v>10</v>
      </c>
      <c r="D53" s="8">
        <v>596283700</v>
      </c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388"/>
  <sheetViews>
    <sheetView view="pageBreakPreview" zoomScaleNormal="100" zoomScaleSheetLayoutView="100" workbookViewId="0">
      <selection activeCell="F4" sqref="F4"/>
    </sheetView>
  </sheetViews>
  <sheetFormatPr defaultRowHeight="13.2" x14ac:dyDescent="0.45"/>
  <cols>
    <col min="1" max="1" width="4.8984375" style="2" customWidth="1"/>
    <col min="2" max="2" width="9.59765625" style="2" customWidth="1"/>
    <col min="3" max="3" width="26.59765625" style="2" customWidth="1"/>
    <col min="4" max="4" width="17.59765625" style="2" customWidth="1"/>
    <col min="5" max="5" width="25.59765625" style="2" customWidth="1"/>
    <col min="6" max="6" width="15" style="2" customWidth="1"/>
    <col min="7" max="16384" width="8.796875" style="2"/>
  </cols>
  <sheetData>
    <row r="1" spans="1:6" ht="21" x14ac:dyDescent="0.45">
      <c r="A1" s="10" t="s">
        <v>106</v>
      </c>
      <c r="F1" s="3"/>
    </row>
    <row r="2" spans="1:6" ht="27" customHeight="1" x14ac:dyDescent="0.45">
      <c r="A2" s="11" t="s">
        <v>1</v>
      </c>
      <c r="F2" s="3"/>
    </row>
    <row r="3" spans="1:6" ht="27" customHeight="1" x14ac:dyDescent="0.45">
      <c r="A3" s="5" t="s">
        <v>2</v>
      </c>
      <c r="B3" s="5" t="s">
        <v>107</v>
      </c>
      <c r="C3" s="5" t="s">
        <v>108</v>
      </c>
      <c r="D3" s="5" t="s">
        <v>109</v>
      </c>
      <c r="E3" s="5" t="s">
        <v>110</v>
      </c>
      <c r="F3" s="12" t="s">
        <v>5</v>
      </c>
    </row>
    <row r="4" spans="1:6" ht="27" customHeight="1" x14ac:dyDescent="0.45">
      <c r="A4" s="13">
        <v>1</v>
      </c>
      <c r="B4" s="14" t="s">
        <v>6</v>
      </c>
      <c r="C4" s="15" t="s">
        <v>111</v>
      </c>
      <c r="D4" s="15" t="s">
        <v>112</v>
      </c>
      <c r="E4" s="15" t="s">
        <v>113</v>
      </c>
      <c r="F4" s="16">
        <v>5499750603</v>
      </c>
    </row>
    <row r="5" spans="1:6" ht="27" customHeight="1" x14ac:dyDescent="0.45">
      <c r="A5" s="17"/>
      <c r="B5" s="18"/>
      <c r="C5" s="15" t="s">
        <v>111</v>
      </c>
      <c r="D5" s="15" t="s">
        <v>112</v>
      </c>
      <c r="E5" s="15" t="s">
        <v>113</v>
      </c>
      <c r="F5" s="16">
        <v>4976837092</v>
      </c>
    </row>
    <row r="6" spans="1:6" ht="27" customHeight="1" x14ac:dyDescent="0.45">
      <c r="A6" s="17"/>
      <c r="B6" s="18"/>
      <c r="C6" s="15" t="s">
        <v>111</v>
      </c>
      <c r="D6" s="15" t="s">
        <v>114</v>
      </c>
      <c r="E6" s="15" t="s">
        <v>115</v>
      </c>
      <c r="F6" s="16">
        <v>22928400</v>
      </c>
    </row>
    <row r="7" spans="1:6" ht="27" customHeight="1" thickBot="1" x14ac:dyDescent="0.5">
      <c r="A7" s="17"/>
      <c r="B7" s="18"/>
      <c r="C7" s="19" t="s">
        <v>111</v>
      </c>
      <c r="D7" s="19" t="s">
        <v>114</v>
      </c>
      <c r="E7" s="19" t="s">
        <v>115</v>
      </c>
      <c r="F7" s="20">
        <v>2852071</v>
      </c>
    </row>
    <row r="8" spans="1:6" ht="27" customHeight="1" thickTop="1" x14ac:dyDescent="0.45">
      <c r="A8" s="21"/>
      <c r="B8" s="22"/>
      <c r="C8" s="23" t="s">
        <v>116</v>
      </c>
      <c r="D8" s="24"/>
      <c r="E8" s="25" t="s">
        <v>117</v>
      </c>
      <c r="F8" s="26">
        <v>10502368166</v>
      </c>
    </row>
    <row r="9" spans="1:6" ht="27" customHeight="1" x14ac:dyDescent="0.45">
      <c r="F9" s="3"/>
    </row>
    <row r="10" spans="1:6" ht="27" customHeight="1" x14ac:dyDescent="0.45">
      <c r="A10" s="5" t="s">
        <v>2</v>
      </c>
      <c r="B10" s="5" t="s">
        <v>107</v>
      </c>
      <c r="C10" s="5" t="s">
        <v>108</v>
      </c>
      <c r="D10" s="5" t="s">
        <v>109</v>
      </c>
      <c r="E10" s="5" t="s">
        <v>110</v>
      </c>
      <c r="F10" s="12" t="s">
        <v>5</v>
      </c>
    </row>
    <row r="11" spans="1:6" ht="27" customHeight="1" thickBot="1" x14ac:dyDescent="0.5">
      <c r="A11" s="13">
        <v>2</v>
      </c>
      <c r="B11" s="27" t="s">
        <v>7</v>
      </c>
      <c r="C11" s="19" t="s">
        <v>111</v>
      </c>
      <c r="D11" s="19" t="s">
        <v>118</v>
      </c>
      <c r="E11" s="19" t="s">
        <v>119</v>
      </c>
      <c r="F11" s="20">
        <v>6129341966</v>
      </c>
    </row>
    <row r="12" spans="1:6" ht="27" customHeight="1" thickTop="1" x14ac:dyDescent="0.45">
      <c r="A12" s="21"/>
      <c r="B12" s="28"/>
      <c r="C12" s="23" t="s">
        <v>116</v>
      </c>
      <c r="D12" s="24"/>
      <c r="E12" s="25" t="s">
        <v>120</v>
      </c>
      <c r="F12" s="26">
        <v>6129341966</v>
      </c>
    </row>
    <row r="13" spans="1:6" ht="27" customHeight="1" x14ac:dyDescent="0.45">
      <c r="F13" s="3"/>
    </row>
    <row r="14" spans="1:6" ht="27" customHeight="1" x14ac:dyDescent="0.45">
      <c r="A14" s="5" t="s">
        <v>2</v>
      </c>
      <c r="B14" s="5" t="s">
        <v>107</v>
      </c>
      <c r="C14" s="5" t="s">
        <v>108</v>
      </c>
      <c r="D14" s="5" t="s">
        <v>109</v>
      </c>
      <c r="E14" s="5" t="s">
        <v>110</v>
      </c>
      <c r="F14" s="12" t="s">
        <v>5</v>
      </c>
    </row>
    <row r="15" spans="1:6" ht="27" customHeight="1" x14ac:dyDescent="0.45">
      <c r="A15" s="13">
        <v>3</v>
      </c>
      <c r="B15" s="29" t="s">
        <v>8</v>
      </c>
      <c r="C15" s="15" t="s">
        <v>121</v>
      </c>
      <c r="D15" s="15" t="s">
        <v>122</v>
      </c>
      <c r="E15" s="15" t="s">
        <v>123</v>
      </c>
      <c r="F15" s="16">
        <v>2904857062</v>
      </c>
    </row>
    <row r="16" spans="1:6" ht="27" customHeight="1" x14ac:dyDescent="0.45">
      <c r="A16" s="17"/>
      <c r="B16" s="30"/>
      <c r="C16" s="15" t="s">
        <v>121</v>
      </c>
      <c r="D16" s="15" t="s">
        <v>122</v>
      </c>
      <c r="E16" s="15" t="s">
        <v>123</v>
      </c>
      <c r="F16" s="16">
        <v>425090660</v>
      </c>
    </row>
    <row r="17" spans="1:6" ht="27" customHeight="1" x14ac:dyDescent="0.45">
      <c r="A17" s="17"/>
      <c r="B17" s="18"/>
      <c r="C17" s="15" t="s">
        <v>121</v>
      </c>
      <c r="D17" s="15" t="s">
        <v>122</v>
      </c>
      <c r="E17" s="15" t="s">
        <v>123</v>
      </c>
      <c r="F17" s="16">
        <v>418363000</v>
      </c>
    </row>
    <row r="18" spans="1:6" ht="27" customHeight="1" x14ac:dyDescent="0.45">
      <c r="A18" s="17"/>
      <c r="B18" s="18"/>
      <c r="C18" s="15" t="s">
        <v>121</v>
      </c>
      <c r="D18" s="15" t="s">
        <v>122</v>
      </c>
      <c r="E18" s="15" t="s">
        <v>123</v>
      </c>
      <c r="F18" s="16">
        <v>313082000</v>
      </c>
    </row>
    <row r="19" spans="1:6" ht="27" customHeight="1" x14ac:dyDescent="0.45">
      <c r="A19" s="17"/>
      <c r="B19" s="18"/>
      <c r="C19" s="15" t="s">
        <v>121</v>
      </c>
      <c r="D19" s="15" t="s">
        <v>122</v>
      </c>
      <c r="E19" s="15" t="s">
        <v>123</v>
      </c>
      <c r="F19" s="16">
        <v>302754275</v>
      </c>
    </row>
    <row r="20" spans="1:6" ht="27" customHeight="1" x14ac:dyDescent="0.45">
      <c r="A20" s="17"/>
      <c r="B20" s="18"/>
      <c r="C20" s="15" t="s">
        <v>121</v>
      </c>
      <c r="D20" s="15" t="s">
        <v>122</v>
      </c>
      <c r="E20" s="15" t="s">
        <v>123</v>
      </c>
      <c r="F20" s="16">
        <v>300781460</v>
      </c>
    </row>
    <row r="21" spans="1:6" ht="27" customHeight="1" x14ac:dyDescent="0.45">
      <c r="A21" s="17"/>
      <c r="B21" s="18"/>
      <c r="C21" s="15" t="s">
        <v>121</v>
      </c>
      <c r="D21" s="15" t="s">
        <v>122</v>
      </c>
      <c r="E21" s="15" t="s">
        <v>123</v>
      </c>
      <c r="F21" s="16">
        <v>265910000</v>
      </c>
    </row>
    <row r="22" spans="1:6" ht="27" customHeight="1" x14ac:dyDescent="0.45">
      <c r="A22" s="17"/>
      <c r="B22" s="18"/>
      <c r="C22" s="15" t="s">
        <v>121</v>
      </c>
      <c r="D22" s="15" t="s">
        <v>122</v>
      </c>
      <c r="E22" s="15" t="s">
        <v>123</v>
      </c>
      <c r="F22" s="16">
        <v>103850000</v>
      </c>
    </row>
    <row r="23" spans="1:6" ht="27" customHeight="1" x14ac:dyDescent="0.45">
      <c r="A23" s="17"/>
      <c r="B23" s="18"/>
      <c r="C23" s="15" t="s">
        <v>121</v>
      </c>
      <c r="D23" s="15" t="s">
        <v>122</v>
      </c>
      <c r="E23" s="15" t="s">
        <v>123</v>
      </c>
      <c r="F23" s="16">
        <v>83860000</v>
      </c>
    </row>
    <row r="24" spans="1:6" ht="27" customHeight="1" x14ac:dyDescent="0.45">
      <c r="A24" s="17"/>
      <c r="B24" s="18"/>
      <c r="C24" s="15" t="s">
        <v>121</v>
      </c>
      <c r="D24" s="15" t="s">
        <v>122</v>
      </c>
      <c r="E24" s="15" t="s">
        <v>123</v>
      </c>
      <c r="F24" s="16">
        <v>81032000</v>
      </c>
    </row>
    <row r="25" spans="1:6" ht="27" customHeight="1" x14ac:dyDescent="0.45">
      <c r="A25" s="17"/>
      <c r="B25" s="18"/>
      <c r="C25" s="15" t="s">
        <v>121</v>
      </c>
      <c r="D25" s="15" t="s">
        <v>122</v>
      </c>
      <c r="E25" s="15" t="s">
        <v>123</v>
      </c>
      <c r="F25" s="16">
        <v>61588000</v>
      </c>
    </row>
    <row r="26" spans="1:6" ht="27" customHeight="1" x14ac:dyDescent="0.45">
      <c r="A26" s="17"/>
      <c r="B26" s="18"/>
      <c r="C26" s="15" t="s">
        <v>121</v>
      </c>
      <c r="D26" s="15" t="s">
        <v>122</v>
      </c>
      <c r="E26" s="15" t="s">
        <v>123</v>
      </c>
      <c r="F26" s="16">
        <v>61313000</v>
      </c>
    </row>
    <row r="27" spans="1:6" ht="27" customHeight="1" x14ac:dyDescent="0.45">
      <c r="A27" s="17"/>
      <c r="B27" s="18"/>
      <c r="C27" s="15" t="s">
        <v>121</v>
      </c>
      <c r="D27" s="15" t="s">
        <v>122</v>
      </c>
      <c r="E27" s="15" t="s">
        <v>123</v>
      </c>
      <c r="F27" s="16">
        <v>61245000</v>
      </c>
    </row>
    <row r="28" spans="1:6" ht="27" customHeight="1" x14ac:dyDescent="0.45">
      <c r="A28" s="17"/>
      <c r="B28" s="18"/>
      <c r="C28" s="15" t="s">
        <v>121</v>
      </c>
      <c r="D28" s="15" t="s">
        <v>122</v>
      </c>
      <c r="E28" s="15" t="s">
        <v>123</v>
      </c>
      <c r="F28" s="16">
        <v>54621000</v>
      </c>
    </row>
    <row r="29" spans="1:6" ht="27" customHeight="1" x14ac:dyDescent="0.45">
      <c r="A29" s="17"/>
      <c r="B29" s="18"/>
      <c r="C29" s="15" t="s">
        <v>121</v>
      </c>
      <c r="D29" s="15" t="s">
        <v>122</v>
      </c>
      <c r="E29" s="15" t="s">
        <v>123</v>
      </c>
      <c r="F29" s="16">
        <v>26717000</v>
      </c>
    </row>
    <row r="30" spans="1:6" ht="27" customHeight="1" x14ac:dyDescent="0.45">
      <c r="A30" s="17"/>
      <c r="B30" s="18"/>
      <c r="C30" s="15" t="s">
        <v>121</v>
      </c>
      <c r="D30" s="15" t="s">
        <v>122</v>
      </c>
      <c r="E30" s="15" t="s">
        <v>123</v>
      </c>
      <c r="F30" s="16">
        <v>24000000</v>
      </c>
    </row>
    <row r="31" spans="1:6" ht="27" customHeight="1" x14ac:dyDescent="0.45">
      <c r="A31" s="17"/>
      <c r="B31" s="18"/>
      <c r="C31" s="15" t="s">
        <v>121</v>
      </c>
      <c r="D31" s="15" t="s">
        <v>122</v>
      </c>
      <c r="E31" s="15" t="s">
        <v>123</v>
      </c>
      <c r="F31" s="16">
        <v>22134000</v>
      </c>
    </row>
    <row r="32" spans="1:6" ht="27" customHeight="1" x14ac:dyDescent="0.45">
      <c r="A32" s="17"/>
      <c r="B32" s="18"/>
      <c r="C32" s="15" t="s">
        <v>121</v>
      </c>
      <c r="D32" s="15" t="s">
        <v>122</v>
      </c>
      <c r="E32" s="15" t="s">
        <v>123</v>
      </c>
      <c r="F32" s="16">
        <v>16890000</v>
      </c>
    </row>
    <row r="33" spans="1:6" ht="27" customHeight="1" x14ac:dyDescent="0.45">
      <c r="A33" s="17"/>
      <c r="B33" s="18"/>
      <c r="C33" s="15" t="s">
        <v>121</v>
      </c>
      <c r="D33" s="15" t="s">
        <v>122</v>
      </c>
      <c r="E33" s="15" t="s">
        <v>123</v>
      </c>
      <c r="F33" s="16">
        <v>16660000</v>
      </c>
    </row>
    <row r="34" spans="1:6" ht="27" customHeight="1" x14ac:dyDescent="0.45">
      <c r="A34" s="17"/>
      <c r="B34" s="18"/>
      <c r="C34" s="15" t="s">
        <v>121</v>
      </c>
      <c r="D34" s="15" t="s">
        <v>122</v>
      </c>
      <c r="E34" s="15" t="s">
        <v>123</v>
      </c>
      <c r="F34" s="16">
        <v>13560000</v>
      </c>
    </row>
    <row r="35" spans="1:6" ht="27" customHeight="1" x14ac:dyDescent="0.45">
      <c r="A35" s="17"/>
      <c r="B35" s="18"/>
      <c r="C35" s="15" t="s">
        <v>121</v>
      </c>
      <c r="D35" s="15" t="s">
        <v>122</v>
      </c>
      <c r="E35" s="15" t="s">
        <v>123</v>
      </c>
      <c r="F35" s="16">
        <v>13127000</v>
      </c>
    </row>
    <row r="36" spans="1:6" ht="27" customHeight="1" x14ac:dyDescent="0.45">
      <c r="A36" s="17"/>
      <c r="B36" s="18"/>
      <c r="C36" s="15" t="s">
        <v>121</v>
      </c>
      <c r="D36" s="15" t="s">
        <v>122</v>
      </c>
      <c r="E36" s="15" t="s">
        <v>123</v>
      </c>
      <c r="F36" s="16">
        <v>11905000</v>
      </c>
    </row>
    <row r="37" spans="1:6" ht="27" customHeight="1" x14ac:dyDescent="0.45">
      <c r="A37" s="21"/>
      <c r="B37" s="22"/>
      <c r="C37" s="15" t="s">
        <v>121</v>
      </c>
      <c r="D37" s="15" t="s">
        <v>122</v>
      </c>
      <c r="E37" s="15" t="s">
        <v>123</v>
      </c>
      <c r="F37" s="16">
        <v>8853000</v>
      </c>
    </row>
    <row r="38" spans="1:6" ht="27" customHeight="1" x14ac:dyDescent="0.45">
      <c r="A38" s="31"/>
      <c r="B38" s="14"/>
      <c r="C38" s="15" t="s">
        <v>121</v>
      </c>
      <c r="D38" s="15" t="s">
        <v>122</v>
      </c>
      <c r="E38" s="15" t="s">
        <v>123</v>
      </c>
      <c r="F38" s="16">
        <v>7702000</v>
      </c>
    </row>
    <row r="39" spans="1:6" ht="27" customHeight="1" x14ac:dyDescent="0.45">
      <c r="A39" s="17"/>
      <c r="B39" s="18"/>
      <c r="C39" s="15" t="s">
        <v>121</v>
      </c>
      <c r="D39" s="15" t="s">
        <v>122</v>
      </c>
      <c r="E39" s="15" t="s">
        <v>123</v>
      </c>
      <c r="F39" s="16">
        <v>7411000</v>
      </c>
    </row>
    <row r="40" spans="1:6" ht="27" customHeight="1" x14ac:dyDescent="0.45">
      <c r="A40" s="17"/>
      <c r="B40" s="18"/>
      <c r="C40" s="15" t="s">
        <v>121</v>
      </c>
      <c r="D40" s="15" t="s">
        <v>122</v>
      </c>
      <c r="E40" s="15" t="s">
        <v>123</v>
      </c>
      <c r="F40" s="16">
        <v>5615000</v>
      </c>
    </row>
    <row r="41" spans="1:6" ht="27" customHeight="1" x14ac:dyDescent="0.45">
      <c r="A41" s="17"/>
      <c r="B41" s="18"/>
      <c r="C41" s="15" t="s">
        <v>121</v>
      </c>
      <c r="D41" s="15" t="s">
        <v>122</v>
      </c>
      <c r="E41" s="15" t="s">
        <v>123</v>
      </c>
      <c r="F41" s="16">
        <v>4405000</v>
      </c>
    </row>
    <row r="42" spans="1:6" ht="27" customHeight="1" x14ac:dyDescent="0.45">
      <c r="A42" s="17"/>
      <c r="B42" s="18"/>
      <c r="C42" s="15" t="s">
        <v>121</v>
      </c>
      <c r="D42" s="15" t="s">
        <v>122</v>
      </c>
      <c r="E42" s="15" t="s">
        <v>123</v>
      </c>
      <c r="F42" s="16">
        <v>3807000</v>
      </c>
    </row>
    <row r="43" spans="1:6" ht="27" customHeight="1" x14ac:dyDescent="0.45">
      <c r="A43" s="17"/>
      <c r="B43" s="18"/>
      <c r="C43" s="15" t="s">
        <v>121</v>
      </c>
      <c r="D43" s="15" t="s">
        <v>122</v>
      </c>
      <c r="E43" s="15" t="s">
        <v>123</v>
      </c>
      <c r="F43" s="16">
        <v>2380000</v>
      </c>
    </row>
    <row r="44" spans="1:6" ht="27" customHeight="1" x14ac:dyDescent="0.45">
      <c r="A44" s="17"/>
      <c r="B44" s="18"/>
      <c r="C44" s="15" t="s">
        <v>121</v>
      </c>
      <c r="D44" s="15" t="s">
        <v>122</v>
      </c>
      <c r="E44" s="15" t="s">
        <v>123</v>
      </c>
      <c r="F44" s="16">
        <v>1147000</v>
      </c>
    </row>
    <row r="45" spans="1:6" ht="27" customHeight="1" x14ac:dyDescent="0.45">
      <c r="A45" s="17"/>
      <c r="B45" s="18"/>
      <c r="C45" s="15" t="s">
        <v>121</v>
      </c>
      <c r="D45" s="15" t="s">
        <v>122</v>
      </c>
      <c r="E45" s="15" t="s">
        <v>123</v>
      </c>
      <c r="F45" s="16">
        <v>1000000</v>
      </c>
    </row>
    <row r="46" spans="1:6" ht="27" customHeight="1" x14ac:dyDescent="0.45">
      <c r="A46" s="17"/>
      <c r="B46" s="18"/>
      <c r="C46" s="15" t="s">
        <v>121</v>
      </c>
      <c r="D46" s="15" t="s">
        <v>122</v>
      </c>
      <c r="E46" s="15" t="s">
        <v>123</v>
      </c>
      <c r="F46" s="16">
        <v>1000000</v>
      </c>
    </row>
    <row r="47" spans="1:6" ht="27" customHeight="1" x14ac:dyDescent="0.45">
      <c r="A47" s="17"/>
      <c r="B47" s="18"/>
      <c r="C47" s="15" t="s">
        <v>121</v>
      </c>
      <c r="D47" s="15" t="s">
        <v>122</v>
      </c>
      <c r="E47" s="15" t="s">
        <v>123</v>
      </c>
      <c r="F47" s="16">
        <v>467000</v>
      </c>
    </row>
    <row r="48" spans="1:6" ht="27" customHeight="1" x14ac:dyDescent="0.45">
      <c r="A48" s="17"/>
      <c r="B48" s="18"/>
      <c r="C48" s="15" t="s">
        <v>121</v>
      </c>
      <c r="D48" s="15" t="s">
        <v>122</v>
      </c>
      <c r="E48" s="15" t="s">
        <v>123</v>
      </c>
      <c r="F48" s="16">
        <v>205000</v>
      </c>
    </row>
    <row r="49" spans="1:6" ht="27" customHeight="1" thickBot="1" x14ac:dyDescent="0.5">
      <c r="A49" s="17"/>
      <c r="B49" s="18"/>
      <c r="C49" s="19" t="s">
        <v>121</v>
      </c>
      <c r="D49" s="19" t="s">
        <v>122</v>
      </c>
      <c r="E49" s="19" t="s">
        <v>123</v>
      </c>
      <c r="F49" s="20">
        <v>122000</v>
      </c>
    </row>
    <row r="50" spans="1:6" ht="27" customHeight="1" thickTop="1" x14ac:dyDescent="0.45">
      <c r="A50" s="21"/>
      <c r="B50" s="22"/>
      <c r="C50" s="23" t="s">
        <v>116</v>
      </c>
      <c r="D50" s="24"/>
      <c r="E50" s="25" t="s">
        <v>124</v>
      </c>
      <c r="F50" s="26">
        <v>5627454457</v>
      </c>
    </row>
    <row r="51" spans="1:6" ht="27" customHeight="1" x14ac:dyDescent="0.45">
      <c r="F51" s="3"/>
    </row>
    <row r="52" spans="1:6" ht="27" customHeight="1" x14ac:dyDescent="0.45">
      <c r="A52" s="5" t="s">
        <v>2</v>
      </c>
      <c r="B52" s="5" t="s">
        <v>107</v>
      </c>
      <c r="C52" s="5" t="s">
        <v>108</v>
      </c>
      <c r="D52" s="5" t="s">
        <v>109</v>
      </c>
      <c r="E52" s="5" t="s">
        <v>110</v>
      </c>
      <c r="F52" s="12" t="s">
        <v>5</v>
      </c>
    </row>
    <row r="53" spans="1:6" ht="27" customHeight="1" x14ac:dyDescent="0.45">
      <c r="A53" s="13">
        <v>4</v>
      </c>
      <c r="B53" s="14" t="s">
        <v>9</v>
      </c>
      <c r="C53" s="15" t="s">
        <v>125</v>
      </c>
      <c r="D53" s="15" t="s">
        <v>126</v>
      </c>
      <c r="E53" s="15" t="s">
        <v>127</v>
      </c>
      <c r="F53" s="16">
        <v>577770600</v>
      </c>
    </row>
    <row r="54" spans="1:6" ht="27" customHeight="1" x14ac:dyDescent="0.45">
      <c r="A54" s="17"/>
      <c r="B54" s="18"/>
      <c r="C54" s="15" t="s">
        <v>125</v>
      </c>
      <c r="D54" s="15" t="s">
        <v>126</v>
      </c>
      <c r="E54" s="15" t="s">
        <v>127</v>
      </c>
      <c r="F54" s="16">
        <v>431022020</v>
      </c>
    </row>
    <row r="55" spans="1:6" ht="27" customHeight="1" x14ac:dyDescent="0.45">
      <c r="A55" s="17"/>
      <c r="B55" s="18"/>
      <c r="C55" s="15" t="s">
        <v>111</v>
      </c>
      <c r="D55" s="15" t="s">
        <v>126</v>
      </c>
      <c r="E55" s="15" t="s">
        <v>127</v>
      </c>
      <c r="F55" s="16">
        <v>399625928</v>
      </c>
    </row>
    <row r="56" spans="1:6" ht="27" customHeight="1" x14ac:dyDescent="0.45">
      <c r="A56" s="17"/>
      <c r="B56" s="18"/>
      <c r="C56" s="15" t="s">
        <v>125</v>
      </c>
      <c r="D56" s="15" t="s">
        <v>126</v>
      </c>
      <c r="E56" s="15" t="s">
        <v>127</v>
      </c>
      <c r="F56" s="16">
        <v>349995910</v>
      </c>
    </row>
    <row r="57" spans="1:6" ht="27" customHeight="1" x14ac:dyDescent="0.45">
      <c r="A57" s="17"/>
      <c r="B57" s="18"/>
      <c r="C57" s="15" t="s">
        <v>111</v>
      </c>
      <c r="D57" s="15" t="s">
        <v>126</v>
      </c>
      <c r="E57" s="15" t="s">
        <v>127</v>
      </c>
      <c r="F57" s="16">
        <v>237500450</v>
      </c>
    </row>
    <row r="58" spans="1:6" ht="27" customHeight="1" x14ac:dyDescent="0.45">
      <c r="A58" s="17"/>
      <c r="B58" s="18"/>
      <c r="C58" s="15" t="s">
        <v>111</v>
      </c>
      <c r="D58" s="15" t="s">
        <v>126</v>
      </c>
      <c r="E58" s="15" t="s">
        <v>127</v>
      </c>
      <c r="F58" s="16">
        <v>204024040</v>
      </c>
    </row>
    <row r="59" spans="1:6" ht="27" customHeight="1" x14ac:dyDescent="0.45">
      <c r="A59" s="17"/>
      <c r="B59" s="18"/>
      <c r="C59" s="15" t="s">
        <v>125</v>
      </c>
      <c r="D59" s="15" t="s">
        <v>126</v>
      </c>
      <c r="E59" s="15" t="s">
        <v>127</v>
      </c>
      <c r="F59" s="16">
        <v>174270800</v>
      </c>
    </row>
    <row r="60" spans="1:6" ht="27" customHeight="1" x14ac:dyDescent="0.45">
      <c r="A60" s="17"/>
      <c r="B60" s="18"/>
      <c r="C60" s="15" t="s">
        <v>111</v>
      </c>
      <c r="D60" s="15" t="s">
        <v>126</v>
      </c>
      <c r="E60" s="15" t="s">
        <v>127</v>
      </c>
      <c r="F60" s="16">
        <v>152580180</v>
      </c>
    </row>
    <row r="61" spans="1:6" ht="27" customHeight="1" x14ac:dyDescent="0.45">
      <c r="A61" s="17"/>
      <c r="B61" s="18"/>
      <c r="C61" s="15" t="s">
        <v>125</v>
      </c>
      <c r="D61" s="15" t="s">
        <v>126</v>
      </c>
      <c r="E61" s="15" t="s">
        <v>127</v>
      </c>
      <c r="F61" s="16">
        <v>138530536</v>
      </c>
    </row>
    <row r="62" spans="1:6" ht="27" customHeight="1" x14ac:dyDescent="0.45">
      <c r="A62" s="17"/>
      <c r="B62" s="18"/>
      <c r="C62" s="15" t="s">
        <v>125</v>
      </c>
      <c r="D62" s="15" t="s">
        <v>126</v>
      </c>
      <c r="E62" s="15" t="s">
        <v>127</v>
      </c>
      <c r="F62" s="16">
        <v>63525000</v>
      </c>
    </row>
    <row r="63" spans="1:6" ht="27" customHeight="1" x14ac:dyDescent="0.45">
      <c r="A63" s="17"/>
      <c r="B63" s="18"/>
      <c r="C63" s="15" t="s">
        <v>125</v>
      </c>
      <c r="D63" s="15" t="s">
        <v>126</v>
      </c>
      <c r="E63" s="15" t="s">
        <v>127</v>
      </c>
      <c r="F63" s="16">
        <v>52803900</v>
      </c>
    </row>
    <row r="64" spans="1:6" ht="27" customHeight="1" x14ac:dyDescent="0.45">
      <c r="A64" s="17"/>
      <c r="B64" s="18"/>
      <c r="C64" s="15" t="s">
        <v>125</v>
      </c>
      <c r="D64" s="15" t="s">
        <v>126</v>
      </c>
      <c r="E64" s="15" t="s">
        <v>127</v>
      </c>
      <c r="F64" s="16">
        <v>43582000</v>
      </c>
    </row>
    <row r="65" spans="1:6" ht="27" customHeight="1" x14ac:dyDescent="0.45">
      <c r="A65" s="17"/>
      <c r="B65" s="18"/>
      <c r="C65" s="15" t="s">
        <v>111</v>
      </c>
      <c r="D65" s="15" t="s">
        <v>126</v>
      </c>
      <c r="E65" s="15" t="s">
        <v>127</v>
      </c>
      <c r="F65" s="16">
        <v>41456300</v>
      </c>
    </row>
    <row r="66" spans="1:6" ht="27" customHeight="1" x14ac:dyDescent="0.45">
      <c r="A66" s="17"/>
      <c r="B66" s="18"/>
      <c r="C66" s="15" t="s">
        <v>111</v>
      </c>
      <c r="D66" s="15" t="s">
        <v>126</v>
      </c>
      <c r="E66" s="15" t="s">
        <v>127</v>
      </c>
      <c r="F66" s="16">
        <v>37662900</v>
      </c>
    </row>
    <row r="67" spans="1:6" ht="27" customHeight="1" x14ac:dyDescent="0.45">
      <c r="A67" s="17"/>
      <c r="B67" s="18"/>
      <c r="C67" s="15" t="s">
        <v>125</v>
      </c>
      <c r="D67" s="15" t="s">
        <v>126</v>
      </c>
      <c r="E67" s="15" t="s">
        <v>127</v>
      </c>
      <c r="F67" s="16">
        <v>25092100</v>
      </c>
    </row>
    <row r="68" spans="1:6" ht="27" customHeight="1" x14ac:dyDescent="0.45">
      <c r="A68" s="17"/>
      <c r="B68" s="18"/>
      <c r="C68" s="32" t="s">
        <v>111</v>
      </c>
      <c r="D68" s="15" t="s">
        <v>126</v>
      </c>
      <c r="E68" s="15" t="s">
        <v>127</v>
      </c>
      <c r="F68" s="16">
        <v>23923000</v>
      </c>
    </row>
    <row r="69" spans="1:6" ht="27" customHeight="1" x14ac:dyDescent="0.45">
      <c r="A69" s="17"/>
      <c r="B69" s="18"/>
      <c r="C69" s="32" t="s">
        <v>111</v>
      </c>
      <c r="D69" s="15" t="s">
        <v>126</v>
      </c>
      <c r="E69" s="15" t="s">
        <v>127</v>
      </c>
      <c r="F69" s="16">
        <v>10300000</v>
      </c>
    </row>
    <row r="70" spans="1:6" ht="27" customHeight="1" x14ac:dyDescent="0.45">
      <c r="A70" s="17"/>
      <c r="B70" s="18"/>
      <c r="C70" s="15" t="s">
        <v>125</v>
      </c>
      <c r="D70" s="15" t="s">
        <v>126</v>
      </c>
      <c r="E70" s="15" t="s">
        <v>127</v>
      </c>
      <c r="F70" s="16">
        <v>4640000</v>
      </c>
    </row>
    <row r="71" spans="1:6" ht="27" customHeight="1" x14ac:dyDescent="0.45">
      <c r="A71" s="17"/>
      <c r="B71" s="18"/>
      <c r="C71" s="15" t="s">
        <v>111</v>
      </c>
      <c r="D71" s="15" t="s">
        <v>126</v>
      </c>
      <c r="E71" s="15" t="s">
        <v>127</v>
      </c>
      <c r="F71" s="16">
        <v>3120000</v>
      </c>
    </row>
    <row r="72" spans="1:6" ht="27" customHeight="1" thickBot="1" x14ac:dyDescent="0.5">
      <c r="A72" s="17"/>
      <c r="B72" s="18"/>
      <c r="C72" s="19" t="s">
        <v>125</v>
      </c>
      <c r="D72" s="19" t="s">
        <v>126</v>
      </c>
      <c r="E72" s="19" t="s">
        <v>127</v>
      </c>
      <c r="F72" s="20">
        <v>1003000</v>
      </c>
    </row>
    <row r="73" spans="1:6" ht="27" customHeight="1" thickTop="1" x14ac:dyDescent="0.45">
      <c r="A73" s="21"/>
      <c r="B73" s="22"/>
      <c r="C73" s="23" t="s">
        <v>116</v>
      </c>
      <c r="D73" s="24"/>
      <c r="E73" s="25" t="s">
        <v>128</v>
      </c>
      <c r="F73" s="26">
        <v>2972428664</v>
      </c>
    </row>
    <row r="74" spans="1:6" ht="27" hidden="1" customHeight="1" x14ac:dyDescent="0.45">
      <c r="F74" s="3"/>
    </row>
    <row r="75" spans="1:6" ht="27" customHeight="1" x14ac:dyDescent="0.45">
      <c r="A75" s="5" t="s">
        <v>2</v>
      </c>
      <c r="B75" s="5" t="s">
        <v>107</v>
      </c>
      <c r="C75" s="5" t="s">
        <v>108</v>
      </c>
      <c r="D75" s="5" t="s">
        <v>109</v>
      </c>
      <c r="E75" s="5" t="s">
        <v>110</v>
      </c>
      <c r="F75" s="12" t="s">
        <v>5</v>
      </c>
    </row>
    <row r="76" spans="1:6" ht="27" customHeight="1" x14ac:dyDescent="0.45">
      <c r="A76" s="13">
        <v>5</v>
      </c>
      <c r="B76" s="29" t="s">
        <v>10</v>
      </c>
      <c r="C76" s="15" t="s">
        <v>121</v>
      </c>
      <c r="D76" s="15" t="s">
        <v>129</v>
      </c>
      <c r="E76" s="15" t="s">
        <v>130</v>
      </c>
      <c r="F76" s="16">
        <v>1215425000</v>
      </c>
    </row>
    <row r="77" spans="1:6" ht="27" customHeight="1" x14ac:dyDescent="0.45">
      <c r="A77" s="17"/>
      <c r="B77" s="30"/>
      <c r="C77" s="15" t="s">
        <v>121</v>
      </c>
      <c r="D77" s="15" t="s">
        <v>129</v>
      </c>
      <c r="E77" s="15" t="s">
        <v>130</v>
      </c>
      <c r="F77" s="16">
        <v>863540000</v>
      </c>
    </row>
    <row r="78" spans="1:6" ht="27" customHeight="1" x14ac:dyDescent="0.45">
      <c r="A78" s="17"/>
      <c r="B78" s="30"/>
      <c r="C78" s="15" t="s">
        <v>121</v>
      </c>
      <c r="D78" s="15" t="s">
        <v>129</v>
      </c>
      <c r="E78" s="15" t="s">
        <v>130</v>
      </c>
      <c r="F78" s="16">
        <v>510751000</v>
      </c>
    </row>
    <row r="79" spans="1:6" ht="27" customHeight="1" x14ac:dyDescent="0.45">
      <c r="A79" s="17"/>
      <c r="B79" s="18"/>
      <c r="C79" s="15" t="s">
        <v>111</v>
      </c>
      <c r="D79" s="15" t="s">
        <v>129</v>
      </c>
      <c r="E79" s="15" t="s">
        <v>130</v>
      </c>
      <c r="F79" s="16">
        <v>42190000</v>
      </c>
    </row>
    <row r="80" spans="1:6" ht="27" customHeight="1" x14ac:dyDescent="0.45">
      <c r="A80" s="17"/>
      <c r="B80" s="18"/>
      <c r="C80" s="15" t="s">
        <v>111</v>
      </c>
      <c r="D80" s="15" t="s">
        <v>131</v>
      </c>
      <c r="E80" s="15" t="s">
        <v>132</v>
      </c>
      <c r="F80" s="16">
        <v>15092000</v>
      </c>
    </row>
    <row r="81" spans="1:6" ht="27" customHeight="1" x14ac:dyDescent="0.45">
      <c r="A81" s="17"/>
      <c r="B81" s="18"/>
      <c r="C81" s="15" t="s">
        <v>111</v>
      </c>
      <c r="D81" s="15" t="s">
        <v>131</v>
      </c>
      <c r="E81" s="15" t="s">
        <v>133</v>
      </c>
      <c r="F81" s="16">
        <v>2670862</v>
      </c>
    </row>
    <row r="82" spans="1:6" ht="27" customHeight="1" x14ac:dyDescent="0.45">
      <c r="A82" s="17"/>
      <c r="B82" s="18"/>
      <c r="C82" s="15" t="s">
        <v>111</v>
      </c>
      <c r="D82" s="15" t="s">
        <v>131</v>
      </c>
      <c r="E82" s="15" t="s">
        <v>134</v>
      </c>
      <c r="F82" s="16">
        <v>1296666</v>
      </c>
    </row>
    <row r="83" spans="1:6" ht="27" customHeight="1" x14ac:dyDescent="0.45">
      <c r="A83" s="17"/>
      <c r="B83" s="18"/>
      <c r="C83" s="15" t="s">
        <v>111</v>
      </c>
      <c r="D83" s="15" t="s">
        <v>131</v>
      </c>
      <c r="E83" s="15" t="s">
        <v>135</v>
      </c>
      <c r="F83" s="16">
        <v>1207106</v>
      </c>
    </row>
    <row r="84" spans="1:6" ht="27" customHeight="1" x14ac:dyDescent="0.45">
      <c r="A84" s="17"/>
      <c r="B84" s="18"/>
      <c r="C84" s="15" t="s">
        <v>111</v>
      </c>
      <c r="D84" s="15" t="s">
        <v>131</v>
      </c>
      <c r="E84" s="15" t="s">
        <v>136</v>
      </c>
      <c r="F84" s="16">
        <v>1137794</v>
      </c>
    </row>
    <row r="85" spans="1:6" ht="27" customHeight="1" x14ac:dyDescent="0.45">
      <c r="A85" s="17"/>
      <c r="B85" s="18"/>
      <c r="C85" s="15" t="s">
        <v>111</v>
      </c>
      <c r="D85" s="15" t="s">
        <v>129</v>
      </c>
      <c r="E85" s="15" t="s">
        <v>137</v>
      </c>
      <c r="F85" s="16">
        <v>665000</v>
      </c>
    </row>
    <row r="86" spans="1:6" ht="27" customHeight="1" x14ac:dyDescent="0.45">
      <c r="A86" s="17"/>
      <c r="B86" s="18"/>
      <c r="C86" s="15" t="s">
        <v>111</v>
      </c>
      <c r="D86" s="15" t="s">
        <v>129</v>
      </c>
      <c r="E86" s="15" t="s">
        <v>138</v>
      </c>
      <c r="F86" s="16">
        <v>190000</v>
      </c>
    </row>
    <row r="87" spans="1:6" ht="27" customHeight="1" x14ac:dyDescent="0.45">
      <c r="A87" s="17"/>
      <c r="B87" s="18"/>
      <c r="C87" s="15" t="s">
        <v>111</v>
      </c>
      <c r="D87" s="15" t="s">
        <v>129</v>
      </c>
      <c r="E87" s="15" t="s">
        <v>138</v>
      </c>
      <c r="F87" s="16">
        <v>190000</v>
      </c>
    </row>
    <row r="88" spans="1:6" ht="27" customHeight="1" x14ac:dyDescent="0.45">
      <c r="A88" s="17"/>
      <c r="B88" s="18"/>
      <c r="C88" s="15" t="s">
        <v>111</v>
      </c>
      <c r="D88" s="15" t="s">
        <v>131</v>
      </c>
      <c r="E88" s="15" t="s">
        <v>133</v>
      </c>
      <c r="F88" s="16">
        <v>154354</v>
      </c>
    </row>
    <row r="89" spans="1:6" ht="27" customHeight="1" x14ac:dyDescent="0.45">
      <c r="A89" s="17"/>
      <c r="B89" s="18"/>
      <c r="C89" s="15" t="s">
        <v>111</v>
      </c>
      <c r="D89" s="15" t="s">
        <v>131</v>
      </c>
      <c r="E89" s="15" t="s">
        <v>139</v>
      </c>
      <c r="F89" s="16">
        <v>132618</v>
      </c>
    </row>
    <row r="90" spans="1:6" ht="27" customHeight="1" x14ac:dyDescent="0.45">
      <c r="A90" s="17"/>
      <c r="B90" s="18"/>
      <c r="C90" s="15" t="s">
        <v>111</v>
      </c>
      <c r="D90" s="15" t="s">
        <v>131</v>
      </c>
      <c r="E90" s="15" t="s">
        <v>140</v>
      </c>
      <c r="F90" s="16">
        <v>95700</v>
      </c>
    </row>
    <row r="91" spans="1:6" ht="27" customHeight="1" x14ac:dyDescent="0.45">
      <c r="A91" s="17"/>
      <c r="B91" s="18"/>
      <c r="C91" s="15" t="s">
        <v>111</v>
      </c>
      <c r="D91" s="15" t="s">
        <v>131</v>
      </c>
      <c r="E91" s="15" t="s">
        <v>140</v>
      </c>
      <c r="F91" s="16">
        <v>95700</v>
      </c>
    </row>
    <row r="92" spans="1:6" ht="27" customHeight="1" x14ac:dyDescent="0.45">
      <c r="A92" s="17"/>
      <c r="B92" s="18"/>
      <c r="C92" s="15" t="s">
        <v>111</v>
      </c>
      <c r="D92" s="15" t="s">
        <v>131</v>
      </c>
      <c r="E92" s="15" t="s">
        <v>133</v>
      </c>
      <c r="F92" s="16">
        <v>10658</v>
      </c>
    </row>
    <row r="93" spans="1:6" ht="27" customHeight="1" thickBot="1" x14ac:dyDescent="0.5">
      <c r="A93" s="17"/>
      <c r="B93" s="18"/>
      <c r="C93" s="19" t="s">
        <v>111</v>
      </c>
      <c r="D93" s="19" t="s">
        <v>131</v>
      </c>
      <c r="E93" s="19" t="s">
        <v>133</v>
      </c>
      <c r="F93" s="20">
        <v>810</v>
      </c>
    </row>
    <row r="94" spans="1:6" ht="27" customHeight="1" thickTop="1" x14ac:dyDescent="0.45">
      <c r="A94" s="21"/>
      <c r="B94" s="22"/>
      <c r="C94" s="23" t="s">
        <v>116</v>
      </c>
      <c r="D94" s="24"/>
      <c r="E94" s="25" t="s">
        <v>141</v>
      </c>
      <c r="F94" s="26">
        <v>2654845268</v>
      </c>
    </row>
    <row r="95" spans="1:6" ht="27" customHeight="1" x14ac:dyDescent="0.45">
      <c r="F95" s="3"/>
    </row>
    <row r="96" spans="1:6" ht="27" customHeight="1" x14ac:dyDescent="0.45">
      <c r="A96" s="5" t="s">
        <v>2</v>
      </c>
      <c r="B96" s="5" t="s">
        <v>107</v>
      </c>
      <c r="C96" s="5" t="s">
        <v>108</v>
      </c>
      <c r="D96" s="5" t="s">
        <v>109</v>
      </c>
      <c r="E96" s="5" t="s">
        <v>110</v>
      </c>
      <c r="F96" s="12" t="s">
        <v>5</v>
      </c>
    </row>
    <row r="97" spans="1:6" ht="27" customHeight="1" x14ac:dyDescent="0.45">
      <c r="A97" s="13">
        <v>6</v>
      </c>
      <c r="B97" s="29" t="s">
        <v>11</v>
      </c>
      <c r="C97" s="15" t="s">
        <v>125</v>
      </c>
      <c r="D97" s="15" t="s">
        <v>126</v>
      </c>
      <c r="E97" s="15" t="s">
        <v>127</v>
      </c>
      <c r="F97" s="16">
        <v>536459880</v>
      </c>
    </row>
    <row r="98" spans="1:6" ht="27" customHeight="1" x14ac:dyDescent="0.45">
      <c r="A98" s="17"/>
      <c r="B98" s="30"/>
      <c r="C98" s="15" t="s">
        <v>125</v>
      </c>
      <c r="D98" s="15" t="s">
        <v>126</v>
      </c>
      <c r="E98" s="15" t="s">
        <v>127</v>
      </c>
      <c r="F98" s="16">
        <v>499151840</v>
      </c>
    </row>
    <row r="99" spans="1:6" ht="27" customHeight="1" x14ac:dyDescent="0.45">
      <c r="A99" s="17"/>
      <c r="B99" s="18"/>
      <c r="C99" s="15" t="s">
        <v>125</v>
      </c>
      <c r="D99" s="15" t="s">
        <v>126</v>
      </c>
      <c r="E99" s="15" t="s">
        <v>127</v>
      </c>
      <c r="F99" s="16">
        <v>451973940</v>
      </c>
    </row>
    <row r="100" spans="1:6" ht="27" customHeight="1" x14ac:dyDescent="0.45">
      <c r="A100" s="17"/>
      <c r="B100" s="18"/>
      <c r="C100" s="15" t="s">
        <v>111</v>
      </c>
      <c r="D100" s="15" t="s">
        <v>126</v>
      </c>
      <c r="E100" s="15" t="s">
        <v>127</v>
      </c>
      <c r="F100" s="16">
        <v>308113610</v>
      </c>
    </row>
    <row r="101" spans="1:6" ht="27" customHeight="1" x14ac:dyDescent="0.45">
      <c r="A101" s="17"/>
      <c r="B101" s="18"/>
      <c r="C101" s="15" t="s">
        <v>125</v>
      </c>
      <c r="D101" s="15" t="s">
        <v>126</v>
      </c>
      <c r="E101" s="15" t="s">
        <v>127</v>
      </c>
      <c r="F101" s="16">
        <v>264389288</v>
      </c>
    </row>
    <row r="102" spans="1:6" ht="27" customHeight="1" x14ac:dyDescent="0.45">
      <c r="A102" s="17"/>
      <c r="B102" s="18"/>
      <c r="C102" s="32" t="s">
        <v>111</v>
      </c>
      <c r="D102" s="15" t="s">
        <v>126</v>
      </c>
      <c r="E102" s="15" t="s">
        <v>127</v>
      </c>
      <c r="F102" s="16">
        <v>88518501</v>
      </c>
    </row>
    <row r="103" spans="1:6" ht="27" customHeight="1" x14ac:dyDescent="0.45">
      <c r="A103" s="17"/>
      <c r="B103" s="18"/>
      <c r="C103" s="32" t="s">
        <v>125</v>
      </c>
      <c r="D103" s="15" t="s">
        <v>126</v>
      </c>
      <c r="E103" s="15" t="s">
        <v>127</v>
      </c>
      <c r="F103" s="16">
        <v>51546000</v>
      </c>
    </row>
    <row r="104" spans="1:6" ht="27" customHeight="1" x14ac:dyDescent="0.45">
      <c r="A104" s="17"/>
      <c r="B104" s="18"/>
      <c r="C104" s="15" t="s">
        <v>111</v>
      </c>
      <c r="D104" s="15" t="s">
        <v>126</v>
      </c>
      <c r="E104" s="15" t="s">
        <v>127</v>
      </c>
      <c r="F104" s="16">
        <v>50000000</v>
      </c>
    </row>
    <row r="105" spans="1:6" ht="27" customHeight="1" x14ac:dyDescent="0.45">
      <c r="A105" s="17"/>
      <c r="B105" s="18"/>
      <c r="C105" s="15" t="s">
        <v>125</v>
      </c>
      <c r="D105" s="15" t="s">
        <v>122</v>
      </c>
      <c r="E105" s="15" t="s">
        <v>123</v>
      </c>
      <c r="F105" s="16">
        <v>21466000</v>
      </c>
    </row>
    <row r="106" spans="1:6" ht="27" customHeight="1" x14ac:dyDescent="0.45">
      <c r="A106" s="17"/>
      <c r="B106" s="18"/>
      <c r="C106" s="15" t="s">
        <v>125</v>
      </c>
      <c r="D106" s="15" t="s">
        <v>126</v>
      </c>
      <c r="E106" s="15" t="s">
        <v>127</v>
      </c>
      <c r="F106" s="16">
        <v>18418000</v>
      </c>
    </row>
    <row r="107" spans="1:6" ht="27" customHeight="1" x14ac:dyDescent="0.45">
      <c r="A107" s="17"/>
      <c r="B107" s="18"/>
      <c r="C107" s="15" t="s">
        <v>125</v>
      </c>
      <c r="D107" s="15" t="s">
        <v>122</v>
      </c>
      <c r="E107" s="15" t="s">
        <v>123</v>
      </c>
      <c r="F107" s="16">
        <v>18088900</v>
      </c>
    </row>
    <row r="108" spans="1:6" ht="27" customHeight="1" x14ac:dyDescent="0.45">
      <c r="A108" s="17"/>
      <c r="B108" s="18"/>
      <c r="C108" s="15" t="s">
        <v>125</v>
      </c>
      <c r="D108" s="15" t="s">
        <v>122</v>
      </c>
      <c r="E108" s="15" t="s">
        <v>123</v>
      </c>
      <c r="F108" s="16">
        <v>16063520</v>
      </c>
    </row>
    <row r="109" spans="1:6" ht="27" customHeight="1" x14ac:dyDescent="0.45">
      <c r="A109" s="17"/>
      <c r="B109" s="18"/>
      <c r="C109" s="15" t="s">
        <v>125</v>
      </c>
      <c r="D109" s="15" t="s">
        <v>122</v>
      </c>
      <c r="E109" s="15" t="s">
        <v>123</v>
      </c>
      <c r="F109" s="16">
        <v>16000007</v>
      </c>
    </row>
    <row r="110" spans="1:6" ht="27" customHeight="1" x14ac:dyDescent="0.45">
      <c r="A110" s="17"/>
      <c r="B110" s="18"/>
      <c r="C110" s="15" t="s">
        <v>125</v>
      </c>
      <c r="D110" s="15" t="s">
        <v>122</v>
      </c>
      <c r="E110" s="15" t="s">
        <v>123</v>
      </c>
      <c r="F110" s="16">
        <v>14410000</v>
      </c>
    </row>
    <row r="111" spans="1:6" ht="27" customHeight="1" x14ac:dyDescent="0.45">
      <c r="A111" s="21"/>
      <c r="B111" s="22"/>
      <c r="C111" s="32" t="s">
        <v>125</v>
      </c>
      <c r="D111" s="15" t="s">
        <v>122</v>
      </c>
      <c r="E111" s="15" t="s">
        <v>123</v>
      </c>
      <c r="F111" s="16">
        <v>13982000</v>
      </c>
    </row>
    <row r="112" spans="1:6" ht="27" customHeight="1" x14ac:dyDescent="0.45">
      <c r="A112" s="31"/>
      <c r="B112" s="14"/>
      <c r="C112" s="32" t="s">
        <v>125</v>
      </c>
      <c r="D112" s="15" t="s">
        <v>126</v>
      </c>
      <c r="E112" s="15" t="s">
        <v>127</v>
      </c>
      <c r="F112" s="16">
        <v>11000000</v>
      </c>
    </row>
    <row r="113" spans="1:6" ht="27" customHeight="1" x14ac:dyDescent="0.45">
      <c r="A113" s="17"/>
      <c r="B113" s="18"/>
      <c r="C113" s="15" t="s">
        <v>125</v>
      </c>
      <c r="D113" s="15" t="s">
        <v>126</v>
      </c>
      <c r="E113" s="15" t="s">
        <v>127</v>
      </c>
      <c r="F113" s="16">
        <v>7150000</v>
      </c>
    </row>
    <row r="114" spans="1:6" ht="27" customHeight="1" x14ac:dyDescent="0.45">
      <c r="A114" s="17"/>
      <c r="B114" s="18"/>
      <c r="C114" s="15" t="s">
        <v>125</v>
      </c>
      <c r="D114" s="15" t="s">
        <v>122</v>
      </c>
      <c r="E114" s="15" t="s">
        <v>123</v>
      </c>
      <c r="F114" s="16">
        <v>6154451</v>
      </c>
    </row>
    <row r="115" spans="1:6" ht="27" customHeight="1" x14ac:dyDescent="0.45">
      <c r="A115" s="17"/>
      <c r="B115" s="18"/>
      <c r="C115" s="15" t="s">
        <v>125</v>
      </c>
      <c r="D115" s="15" t="s">
        <v>142</v>
      </c>
      <c r="E115" s="15" t="s">
        <v>143</v>
      </c>
      <c r="F115" s="16">
        <v>5214000</v>
      </c>
    </row>
    <row r="116" spans="1:6" ht="27" customHeight="1" x14ac:dyDescent="0.45">
      <c r="A116" s="17"/>
      <c r="B116" s="18"/>
      <c r="C116" s="15" t="s">
        <v>125</v>
      </c>
      <c r="D116" s="15" t="s">
        <v>126</v>
      </c>
      <c r="E116" s="15" t="s">
        <v>127</v>
      </c>
      <c r="F116" s="16">
        <v>4708000</v>
      </c>
    </row>
    <row r="117" spans="1:6" ht="27" customHeight="1" x14ac:dyDescent="0.45">
      <c r="A117" s="17"/>
      <c r="B117" s="18"/>
      <c r="C117" s="15" t="s">
        <v>111</v>
      </c>
      <c r="D117" s="15" t="s">
        <v>126</v>
      </c>
      <c r="E117" s="15" t="s">
        <v>127</v>
      </c>
      <c r="F117" s="16">
        <v>1255328</v>
      </c>
    </row>
    <row r="118" spans="1:6" ht="27" customHeight="1" thickBot="1" x14ac:dyDescent="0.5">
      <c r="A118" s="17"/>
      <c r="B118" s="18"/>
      <c r="C118" s="19" t="s">
        <v>125</v>
      </c>
      <c r="D118" s="19" t="s">
        <v>122</v>
      </c>
      <c r="E118" s="19" t="s">
        <v>123</v>
      </c>
      <c r="F118" s="20">
        <v>1116000</v>
      </c>
    </row>
    <row r="119" spans="1:6" ht="27" customHeight="1" thickTop="1" x14ac:dyDescent="0.45">
      <c r="A119" s="21"/>
      <c r="B119" s="22"/>
      <c r="C119" s="23" t="s">
        <v>116</v>
      </c>
      <c r="D119" s="24"/>
      <c r="E119" s="25" t="s">
        <v>144</v>
      </c>
      <c r="F119" s="26">
        <v>2405179265</v>
      </c>
    </row>
    <row r="120" spans="1:6" ht="27" customHeight="1" x14ac:dyDescent="0.45">
      <c r="F120" s="3"/>
    </row>
    <row r="121" spans="1:6" ht="27" customHeight="1" x14ac:dyDescent="0.45">
      <c r="A121" s="5" t="s">
        <v>2</v>
      </c>
      <c r="B121" s="5" t="s">
        <v>107</v>
      </c>
      <c r="C121" s="5" t="s">
        <v>108</v>
      </c>
      <c r="D121" s="5" t="s">
        <v>109</v>
      </c>
      <c r="E121" s="5" t="s">
        <v>110</v>
      </c>
      <c r="F121" s="12" t="s">
        <v>5</v>
      </c>
    </row>
    <row r="122" spans="1:6" ht="27" customHeight="1" x14ac:dyDescent="0.45">
      <c r="A122" s="13">
        <v>7</v>
      </c>
      <c r="B122" s="14" t="s">
        <v>12</v>
      </c>
      <c r="C122" s="15" t="s">
        <v>145</v>
      </c>
      <c r="D122" s="15" t="s">
        <v>114</v>
      </c>
      <c r="E122" s="15" t="s">
        <v>115</v>
      </c>
      <c r="F122" s="16">
        <v>630241880</v>
      </c>
    </row>
    <row r="123" spans="1:6" ht="27" customHeight="1" x14ac:dyDescent="0.45">
      <c r="A123" s="17"/>
      <c r="B123" s="18"/>
      <c r="C123" s="15" t="s">
        <v>145</v>
      </c>
      <c r="D123" s="15" t="s">
        <v>114</v>
      </c>
      <c r="E123" s="15" t="s">
        <v>115</v>
      </c>
      <c r="F123" s="16">
        <v>257400000</v>
      </c>
    </row>
    <row r="124" spans="1:6" ht="27" customHeight="1" x14ac:dyDescent="0.45">
      <c r="A124" s="17"/>
      <c r="B124" s="18"/>
      <c r="C124" s="15" t="s">
        <v>145</v>
      </c>
      <c r="D124" s="15" t="s">
        <v>114</v>
      </c>
      <c r="E124" s="15" t="s">
        <v>115</v>
      </c>
      <c r="F124" s="16">
        <v>168960000</v>
      </c>
    </row>
    <row r="125" spans="1:6" ht="27" customHeight="1" x14ac:dyDescent="0.45">
      <c r="A125" s="17"/>
      <c r="B125" s="18"/>
      <c r="C125" s="15" t="s">
        <v>145</v>
      </c>
      <c r="D125" s="15" t="s">
        <v>122</v>
      </c>
      <c r="E125" s="15" t="s">
        <v>146</v>
      </c>
      <c r="F125" s="16">
        <v>148653010</v>
      </c>
    </row>
    <row r="126" spans="1:6" ht="27" customHeight="1" x14ac:dyDescent="0.45">
      <c r="A126" s="17"/>
      <c r="B126" s="18"/>
      <c r="C126" s="15" t="s">
        <v>145</v>
      </c>
      <c r="D126" s="15" t="s">
        <v>114</v>
      </c>
      <c r="E126" s="15" t="s">
        <v>115</v>
      </c>
      <c r="F126" s="16">
        <v>71808000</v>
      </c>
    </row>
    <row r="127" spans="1:6" ht="27" customHeight="1" x14ac:dyDescent="0.45">
      <c r="A127" s="17"/>
      <c r="B127" s="18"/>
      <c r="C127" s="15" t="s">
        <v>145</v>
      </c>
      <c r="D127" s="15" t="s">
        <v>114</v>
      </c>
      <c r="E127" s="15" t="s">
        <v>147</v>
      </c>
      <c r="F127" s="16">
        <v>64826300</v>
      </c>
    </row>
    <row r="128" spans="1:6" ht="27" customHeight="1" x14ac:dyDescent="0.45">
      <c r="A128" s="17"/>
      <c r="B128" s="18"/>
      <c r="C128" s="15" t="s">
        <v>145</v>
      </c>
      <c r="D128" s="15" t="s">
        <v>114</v>
      </c>
      <c r="E128" s="15" t="s">
        <v>115</v>
      </c>
      <c r="F128" s="16">
        <v>55440000</v>
      </c>
    </row>
    <row r="129" spans="1:6" ht="27" customHeight="1" x14ac:dyDescent="0.45">
      <c r="A129" s="17"/>
      <c r="B129" s="18"/>
      <c r="C129" s="15" t="s">
        <v>145</v>
      </c>
      <c r="D129" s="15" t="s">
        <v>114</v>
      </c>
      <c r="E129" s="15" t="s">
        <v>147</v>
      </c>
      <c r="F129" s="16">
        <v>46420000</v>
      </c>
    </row>
    <row r="130" spans="1:6" ht="27" customHeight="1" x14ac:dyDescent="0.45">
      <c r="A130" s="17"/>
      <c r="B130" s="18"/>
      <c r="C130" s="15" t="s">
        <v>145</v>
      </c>
      <c r="D130" s="15" t="s">
        <v>114</v>
      </c>
      <c r="E130" s="15" t="s">
        <v>147</v>
      </c>
      <c r="F130" s="16">
        <v>33881760</v>
      </c>
    </row>
    <row r="131" spans="1:6" ht="27" customHeight="1" x14ac:dyDescent="0.45">
      <c r="A131" s="17"/>
      <c r="B131" s="18"/>
      <c r="C131" s="15" t="s">
        <v>111</v>
      </c>
      <c r="D131" s="15" t="s">
        <v>129</v>
      </c>
      <c r="E131" s="15" t="s">
        <v>148</v>
      </c>
      <c r="F131" s="16">
        <v>28996000</v>
      </c>
    </row>
    <row r="132" spans="1:6" ht="27" customHeight="1" x14ac:dyDescent="0.45">
      <c r="A132" s="17"/>
      <c r="B132" s="18"/>
      <c r="C132" s="15" t="s">
        <v>145</v>
      </c>
      <c r="D132" s="15" t="s">
        <v>149</v>
      </c>
      <c r="E132" s="15" t="s">
        <v>150</v>
      </c>
      <c r="F132" s="16">
        <v>27056040</v>
      </c>
    </row>
    <row r="133" spans="1:6" ht="27" customHeight="1" x14ac:dyDescent="0.45">
      <c r="A133" s="17"/>
      <c r="B133" s="18"/>
      <c r="C133" s="15" t="s">
        <v>145</v>
      </c>
      <c r="D133" s="15" t="s">
        <v>114</v>
      </c>
      <c r="E133" s="15" t="s">
        <v>147</v>
      </c>
      <c r="F133" s="16">
        <v>19800000</v>
      </c>
    </row>
    <row r="134" spans="1:6" ht="27" customHeight="1" x14ac:dyDescent="0.45">
      <c r="A134" s="17"/>
      <c r="B134" s="18"/>
      <c r="C134" s="15" t="s">
        <v>145</v>
      </c>
      <c r="D134" s="15" t="s">
        <v>122</v>
      </c>
      <c r="E134" s="15" t="s">
        <v>151</v>
      </c>
      <c r="F134" s="16">
        <v>19631370</v>
      </c>
    </row>
    <row r="135" spans="1:6" ht="27" customHeight="1" x14ac:dyDescent="0.45">
      <c r="A135" s="17"/>
      <c r="B135" s="18"/>
      <c r="C135" s="15" t="s">
        <v>152</v>
      </c>
      <c r="D135" s="15" t="s">
        <v>114</v>
      </c>
      <c r="E135" s="15" t="s">
        <v>147</v>
      </c>
      <c r="F135" s="16">
        <v>15730000</v>
      </c>
    </row>
    <row r="136" spans="1:6" ht="27" customHeight="1" x14ac:dyDescent="0.45">
      <c r="A136" s="17"/>
      <c r="B136" s="18"/>
      <c r="C136" s="32" t="s">
        <v>145</v>
      </c>
      <c r="D136" s="15" t="s">
        <v>114</v>
      </c>
      <c r="E136" s="15" t="s">
        <v>147</v>
      </c>
      <c r="F136" s="16">
        <v>15400000</v>
      </c>
    </row>
    <row r="137" spans="1:6" ht="27" customHeight="1" x14ac:dyDescent="0.45">
      <c r="A137" s="17"/>
      <c r="B137" s="18"/>
      <c r="C137" s="32" t="s">
        <v>145</v>
      </c>
      <c r="D137" s="15" t="s">
        <v>114</v>
      </c>
      <c r="E137" s="15" t="s">
        <v>147</v>
      </c>
      <c r="F137" s="16">
        <v>13264000</v>
      </c>
    </row>
    <row r="138" spans="1:6" ht="27" customHeight="1" x14ac:dyDescent="0.45">
      <c r="A138" s="17"/>
      <c r="B138" s="18"/>
      <c r="C138" s="15" t="s">
        <v>145</v>
      </c>
      <c r="D138" s="15" t="s">
        <v>114</v>
      </c>
      <c r="E138" s="15" t="s">
        <v>153</v>
      </c>
      <c r="F138" s="16">
        <v>12546600</v>
      </c>
    </row>
    <row r="139" spans="1:6" ht="27" customHeight="1" x14ac:dyDescent="0.45">
      <c r="A139" s="17"/>
      <c r="B139" s="18"/>
      <c r="C139" s="15" t="s">
        <v>145</v>
      </c>
      <c r="D139" s="15" t="s">
        <v>114</v>
      </c>
      <c r="E139" s="15" t="s">
        <v>147</v>
      </c>
      <c r="F139" s="16">
        <v>11771020</v>
      </c>
    </row>
    <row r="140" spans="1:6" ht="27" customHeight="1" x14ac:dyDescent="0.45">
      <c r="A140" s="17"/>
      <c r="B140" s="18"/>
      <c r="C140" s="15" t="s">
        <v>145</v>
      </c>
      <c r="D140" s="15" t="s">
        <v>114</v>
      </c>
      <c r="E140" s="15" t="s">
        <v>147</v>
      </c>
      <c r="F140" s="16">
        <v>11386980</v>
      </c>
    </row>
    <row r="141" spans="1:6" ht="27" customHeight="1" x14ac:dyDescent="0.45">
      <c r="A141" s="17"/>
      <c r="B141" s="18"/>
      <c r="C141" s="15" t="s">
        <v>145</v>
      </c>
      <c r="D141" s="15" t="s">
        <v>122</v>
      </c>
      <c r="E141" s="15" t="s">
        <v>146</v>
      </c>
      <c r="F141" s="16">
        <v>11206800</v>
      </c>
    </row>
    <row r="142" spans="1:6" ht="27" customHeight="1" x14ac:dyDescent="0.45">
      <c r="A142" s="17"/>
      <c r="B142" s="18"/>
      <c r="C142" s="15" t="s">
        <v>145</v>
      </c>
      <c r="D142" s="15" t="s">
        <v>126</v>
      </c>
      <c r="E142" s="15" t="s">
        <v>154</v>
      </c>
      <c r="F142" s="16">
        <v>11147400</v>
      </c>
    </row>
    <row r="143" spans="1:6" ht="27" customHeight="1" x14ac:dyDescent="0.45">
      <c r="A143" s="17"/>
      <c r="B143" s="18"/>
      <c r="C143" s="15" t="s">
        <v>145</v>
      </c>
      <c r="D143" s="15" t="s">
        <v>114</v>
      </c>
      <c r="E143" s="15" t="s">
        <v>147</v>
      </c>
      <c r="F143" s="16">
        <v>10670000</v>
      </c>
    </row>
    <row r="144" spans="1:6" ht="27" customHeight="1" x14ac:dyDescent="0.45">
      <c r="A144" s="17"/>
      <c r="B144" s="18"/>
      <c r="C144" s="15" t="s">
        <v>145</v>
      </c>
      <c r="D144" s="15" t="s">
        <v>114</v>
      </c>
      <c r="E144" s="15" t="s">
        <v>147</v>
      </c>
      <c r="F144" s="16">
        <v>10006000</v>
      </c>
    </row>
    <row r="145" spans="1:6" ht="27" customHeight="1" x14ac:dyDescent="0.45">
      <c r="A145" s="17"/>
      <c r="B145" s="18"/>
      <c r="C145" s="15" t="s">
        <v>145</v>
      </c>
      <c r="D145" s="15" t="s">
        <v>114</v>
      </c>
      <c r="E145" s="15" t="s">
        <v>147</v>
      </c>
      <c r="F145" s="16">
        <v>7884580</v>
      </c>
    </row>
    <row r="146" spans="1:6" ht="27" customHeight="1" x14ac:dyDescent="0.45">
      <c r="A146" s="17"/>
      <c r="B146" s="18"/>
      <c r="C146" s="15" t="s">
        <v>145</v>
      </c>
      <c r="D146" s="15" t="s">
        <v>114</v>
      </c>
      <c r="E146" s="15" t="s">
        <v>155</v>
      </c>
      <c r="F146" s="16">
        <v>6204000</v>
      </c>
    </row>
    <row r="147" spans="1:6" ht="27" customHeight="1" x14ac:dyDescent="0.45">
      <c r="A147" s="17"/>
      <c r="B147" s="18"/>
      <c r="C147" s="15" t="s">
        <v>145</v>
      </c>
      <c r="D147" s="15" t="s">
        <v>114</v>
      </c>
      <c r="E147" s="15" t="s">
        <v>147</v>
      </c>
      <c r="F147" s="16">
        <v>5625000</v>
      </c>
    </row>
    <row r="148" spans="1:6" ht="27" customHeight="1" x14ac:dyDescent="0.45">
      <c r="A148" s="21"/>
      <c r="B148" s="22"/>
      <c r="C148" s="32" t="s">
        <v>145</v>
      </c>
      <c r="D148" s="15" t="s">
        <v>114</v>
      </c>
      <c r="E148" s="15" t="s">
        <v>147</v>
      </c>
      <c r="F148" s="16">
        <v>4143000</v>
      </c>
    </row>
    <row r="149" spans="1:6" ht="27.6" customHeight="1" x14ac:dyDescent="0.45">
      <c r="A149" s="31"/>
      <c r="B149" s="14"/>
      <c r="C149" s="32" t="s">
        <v>145</v>
      </c>
      <c r="D149" s="15" t="s">
        <v>114</v>
      </c>
      <c r="E149" s="15" t="s">
        <v>115</v>
      </c>
      <c r="F149" s="16">
        <v>3300000</v>
      </c>
    </row>
    <row r="150" spans="1:6" ht="27.6" customHeight="1" x14ac:dyDescent="0.45">
      <c r="A150" s="17"/>
      <c r="B150" s="18"/>
      <c r="C150" s="15" t="s">
        <v>111</v>
      </c>
      <c r="D150" s="15" t="s">
        <v>122</v>
      </c>
      <c r="E150" s="15" t="s">
        <v>151</v>
      </c>
      <c r="F150" s="16">
        <v>2948000</v>
      </c>
    </row>
    <row r="151" spans="1:6" ht="27.6" customHeight="1" x14ac:dyDescent="0.45">
      <c r="A151" s="17"/>
      <c r="B151" s="18"/>
      <c r="C151" s="15" t="s">
        <v>111</v>
      </c>
      <c r="D151" s="15" t="s">
        <v>122</v>
      </c>
      <c r="E151" s="15" t="s">
        <v>151</v>
      </c>
      <c r="F151" s="16">
        <v>2167000</v>
      </c>
    </row>
    <row r="152" spans="1:6" ht="27.6" customHeight="1" x14ac:dyDescent="0.45">
      <c r="A152" s="17"/>
      <c r="B152" s="18"/>
      <c r="C152" s="15" t="s">
        <v>145</v>
      </c>
      <c r="D152" s="15" t="s">
        <v>114</v>
      </c>
      <c r="E152" s="15" t="s">
        <v>147</v>
      </c>
      <c r="F152" s="16">
        <v>2060000</v>
      </c>
    </row>
    <row r="153" spans="1:6" ht="27.6" customHeight="1" x14ac:dyDescent="0.45">
      <c r="A153" s="17"/>
      <c r="B153" s="18"/>
      <c r="C153" s="15" t="s">
        <v>111</v>
      </c>
      <c r="D153" s="15" t="s">
        <v>122</v>
      </c>
      <c r="E153" s="15" t="s">
        <v>151</v>
      </c>
      <c r="F153" s="16">
        <v>1766000</v>
      </c>
    </row>
    <row r="154" spans="1:6" ht="27.6" customHeight="1" x14ac:dyDescent="0.45">
      <c r="A154" s="17"/>
      <c r="B154" s="18"/>
      <c r="C154" s="15" t="s">
        <v>111</v>
      </c>
      <c r="D154" s="15" t="s">
        <v>122</v>
      </c>
      <c r="E154" s="15" t="s">
        <v>151</v>
      </c>
      <c r="F154" s="16">
        <v>1474000</v>
      </c>
    </row>
    <row r="155" spans="1:6" ht="27.6" customHeight="1" x14ac:dyDescent="0.45">
      <c r="A155" s="17"/>
      <c r="B155" s="18"/>
      <c r="C155" s="15" t="s">
        <v>145</v>
      </c>
      <c r="D155" s="15" t="s">
        <v>114</v>
      </c>
      <c r="E155" s="15" t="s">
        <v>147</v>
      </c>
      <c r="F155" s="16">
        <v>1340000</v>
      </c>
    </row>
    <row r="156" spans="1:6" ht="27.6" customHeight="1" x14ac:dyDescent="0.45">
      <c r="A156" s="17"/>
      <c r="B156" s="18"/>
      <c r="C156" s="15" t="s">
        <v>145</v>
      </c>
      <c r="D156" s="15" t="s">
        <v>149</v>
      </c>
      <c r="E156" s="15" t="s">
        <v>150</v>
      </c>
      <c r="F156" s="16">
        <v>1320000</v>
      </c>
    </row>
    <row r="157" spans="1:6" ht="27.6" customHeight="1" x14ac:dyDescent="0.45">
      <c r="A157" s="17"/>
      <c r="B157" s="18"/>
      <c r="C157" s="15" t="s">
        <v>111</v>
      </c>
      <c r="D157" s="15" t="s">
        <v>122</v>
      </c>
      <c r="E157" s="15" t="s">
        <v>151</v>
      </c>
      <c r="F157" s="16">
        <v>1319000</v>
      </c>
    </row>
    <row r="158" spans="1:6" ht="27.6" customHeight="1" x14ac:dyDescent="0.45">
      <c r="A158" s="17"/>
      <c r="B158" s="18"/>
      <c r="C158" s="15" t="s">
        <v>145</v>
      </c>
      <c r="D158" s="15" t="s">
        <v>122</v>
      </c>
      <c r="E158" s="15" t="s">
        <v>146</v>
      </c>
      <c r="F158" s="16">
        <v>1273800</v>
      </c>
    </row>
    <row r="159" spans="1:6" ht="27.6" customHeight="1" x14ac:dyDescent="0.45">
      <c r="A159" s="17"/>
      <c r="B159" s="18"/>
      <c r="C159" s="15" t="s">
        <v>111</v>
      </c>
      <c r="D159" s="15" t="s">
        <v>122</v>
      </c>
      <c r="E159" s="15" t="s">
        <v>151</v>
      </c>
      <c r="F159" s="16">
        <v>844000</v>
      </c>
    </row>
    <row r="160" spans="1:6" ht="27.6" customHeight="1" x14ac:dyDescent="0.45">
      <c r="A160" s="17"/>
      <c r="B160" s="18"/>
      <c r="C160" s="15" t="s">
        <v>111</v>
      </c>
      <c r="D160" s="15" t="s">
        <v>122</v>
      </c>
      <c r="E160" s="15" t="s">
        <v>151</v>
      </c>
      <c r="F160" s="16">
        <v>801900</v>
      </c>
    </row>
    <row r="161" spans="1:6" ht="27.6" customHeight="1" x14ac:dyDescent="0.45">
      <c r="A161" s="17"/>
      <c r="B161" s="18"/>
      <c r="C161" s="15" t="s">
        <v>111</v>
      </c>
      <c r="D161" s="15" t="s">
        <v>149</v>
      </c>
      <c r="E161" s="15" t="s">
        <v>150</v>
      </c>
      <c r="F161" s="16">
        <v>605110</v>
      </c>
    </row>
    <row r="162" spans="1:6" ht="27.6" customHeight="1" x14ac:dyDescent="0.45">
      <c r="A162" s="17"/>
      <c r="B162" s="18"/>
      <c r="C162" s="15" t="s">
        <v>111</v>
      </c>
      <c r="D162" s="15" t="s">
        <v>122</v>
      </c>
      <c r="E162" s="15" t="s">
        <v>151</v>
      </c>
      <c r="F162" s="16">
        <v>438000</v>
      </c>
    </row>
    <row r="163" spans="1:6" ht="27.6" customHeight="1" x14ac:dyDescent="0.45">
      <c r="A163" s="17"/>
      <c r="B163" s="18"/>
      <c r="C163" s="15" t="s">
        <v>111</v>
      </c>
      <c r="D163" s="15" t="s">
        <v>122</v>
      </c>
      <c r="E163" s="15" t="s">
        <v>151</v>
      </c>
      <c r="F163" s="16">
        <v>330000</v>
      </c>
    </row>
    <row r="164" spans="1:6" ht="27.6" customHeight="1" thickBot="1" x14ac:dyDescent="0.5">
      <c r="A164" s="17"/>
      <c r="B164" s="18"/>
      <c r="C164" s="19" t="s">
        <v>145</v>
      </c>
      <c r="D164" s="19" t="s">
        <v>114</v>
      </c>
      <c r="E164" s="19" t="s">
        <v>147</v>
      </c>
      <c r="F164" s="20">
        <v>46000</v>
      </c>
    </row>
    <row r="165" spans="1:6" ht="27.6" customHeight="1" thickTop="1" x14ac:dyDescent="0.45">
      <c r="A165" s="21"/>
      <c r="B165" s="22"/>
      <c r="C165" s="23" t="s">
        <v>116</v>
      </c>
      <c r="D165" s="24"/>
      <c r="E165" s="25" t="s">
        <v>156</v>
      </c>
      <c r="F165" s="26">
        <v>1742132550</v>
      </c>
    </row>
    <row r="166" spans="1:6" ht="27.6" customHeight="1" x14ac:dyDescent="0.45">
      <c r="F166" s="3"/>
    </row>
    <row r="167" spans="1:6" ht="27.6" customHeight="1" x14ac:dyDescent="0.45">
      <c r="A167" s="5" t="s">
        <v>2</v>
      </c>
      <c r="B167" s="5" t="s">
        <v>107</v>
      </c>
      <c r="C167" s="5" t="s">
        <v>108</v>
      </c>
      <c r="D167" s="5" t="s">
        <v>109</v>
      </c>
      <c r="E167" s="5" t="s">
        <v>110</v>
      </c>
      <c r="F167" s="12" t="s">
        <v>5</v>
      </c>
    </row>
    <row r="168" spans="1:6" ht="27.6" customHeight="1" x14ac:dyDescent="0.45">
      <c r="A168" s="13">
        <v>8</v>
      </c>
      <c r="B168" s="29" t="s">
        <v>13</v>
      </c>
      <c r="C168" s="15" t="s">
        <v>121</v>
      </c>
      <c r="D168" s="15" t="s">
        <v>118</v>
      </c>
      <c r="E168" s="15" t="s">
        <v>157</v>
      </c>
      <c r="F168" s="16">
        <v>561782000</v>
      </c>
    </row>
    <row r="169" spans="1:6" ht="27.6" customHeight="1" x14ac:dyDescent="0.45">
      <c r="A169" s="17"/>
      <c r="B169" s="30"/>
      <c r="C169" s="15" t="s">
        <v>121</v>
      </c>
      <c r="D169" s="15" t="s">
        <v>118</v>
      </c>
      <c r="E169" s="15" t="s">
        <v>157</v>
      </c>
      <c r="F169" s="16">
        <v>555041000</v>
      </c>
    </row>
    <row r="170" spans="1:6" ht="27.6" customHeight="1" x14ac:dyDescent="0.45">
      <c r="A170" s="17"/>
      <c r="B170" s="18"/>
      <c r="C170" s="32" t="s">
        <v>121</v>
      </c>
      <c r="D170" s="15" t="s">
        <v>118</v>
      </c>
      <c r="E170" s="15" t="s">
        <v>157</v>
      </c>
      <c r="F170" s="16">
        <v>189843000</v>
      </c>
    </row>
    <row r="171" spans="1:6" ht="27.6" customHeight="1" x14ac:dyDescent="0.45">
      <c r="A171" s="17"/>
      <c r="B171" s="18"/>
      <c r="C171" s="32" t="s">
        <v>121</v>
      </c>
      <c r="D171" s="15" t="s">
        <v>118</v>
      </c>
      <c r="E171" s="15" t="s">
        <v>157</v>
      </c>
      <c r="F171" s="16">
        <v>100460000</v>
      </c>
    </row>
    <row r="172" spans="1:6" ht="27.6" customHeight="1" x14ac:dyDescent="0.45">
      <c r="A172" s="17"/>
      <c r="B172" s="18"/>
      <c r="C172" s="15" t="s">
        <v>111</v>
      </c>
      <c r="D172" s="15" t="s">
        <v>118</v>
      </c>
      <c r="E172" s="15" t="s">
        <v>157</v>
      </c>
      <c r="F172" s="16">
        <v>75000000</v>
      </c>
    </row>
    <row r="173" spans="1:6" ht="27.6" customHeight="1" x14ac:dyDescent="0.45">
      <c r="A173" s="17"/>
      <c r="B173" s="18"/>
      <c r="C173" s="15" t="s">
        <v>121</v>
      </c>
      <c r="D173" s="15" t="s">
        <v>118</v>
      </c>
      <c r="E173" s="15" t="s">
        <v>157</v>
      </c>
      <c r="F173" s="16">
        <v>71780000</v>
      </c>
    </row>
    <row r="174" spans="1:6" ht="27.6" customHeight="1" thickBot="1" x14ac:dyDescent="0.5">
      <c r="A174" s="17"/>
      <c r="B174" s="18"/>
      <c r="C174" s="19" t="s">
        <v>121</v>
      </c>
      <c r="D174" s="19" t="s">
        <v>118</v>
      </c>
      <c r="E174" s="19" t="s">
        <v>157</v>
      </c>
      <c r="F174" s="20">
        <v>27760000</v>
      </c>
    </row>
    <row r="175" spans="1:6" ht="27.6" customHeight="1" thickTop="1" x14ac:dyDescent="0.45">
      <c r="A175" s="21"/>
      <c r="B175" s="22"/>
      <c r="C175" s="23" t="s">
        <v>116</v>
      </c>
      <c r="D175" s="24"/>
      <c r="E175" s="25" t="s">
        <v>158</v>
      </c>
      <c r="F175" s="26">
        <v>1581666000</v>
      </c>
    </row>
    <row r="176" spans="1:6" ht="27.6" customHeight="1" x14ac:dyDescent="0.45">
      <c r="F176" s="3"/>
    </row>
    <row r="177" spans="1:6" ht="27.6" customHeight="1" x14ac:dyDescent="0.45">
      <c r="A177" s="5" t="s">
        <v>2</v>
      </c>
      <c r="B177" s="5" t="s">
        <v>107</v>
      </c>
      <c r="C177" s="5" t="s">
        <v>108</v>
      </c>
      <c r="D177" s="5" t="s">
        <v>109</v>
      </c>
      <c r="E177" s="5" t="s">
        <v>110</v>
      </c>
      <c r="F177" s="12" t="s">
        <v>5</v>
      </c>
    </row>
    <row r="178" spans="1:6" ht="27.6" customHeight="1" x14ac:dyDescent="0.45">
      <c r="A178" s="13">
        <v>9</v>
      </c>
      <c r="B178" s="29" t="s">
        <v>14</v>
      </c>
      <c r="C178" s="15" t="s">
        <v>145</v>
      </c>
      <c r="D178" s="15" t="s">
        <v>114</v>
      </c>
      <c r="E178" s="15" t="s">
        <v>147</v>
      </c>
      <c r="F178" s="16">
        <v>880883784</v>
      </c>
    </row>
    <row r="179" spans="1:6" ht="27.6" customHeight="1" x14ac:dyDescent="0.45">
      <c r="A179" s="17"/>
      <c r="B179" s="30"/>
      <c r="C179" s="15" t="s">
        <v>145</v>
      </c>
      <c r="D179" s="15" t="s">
        <v>114</v>
      </c>
      <c r="E179" s="15" t="s">
        <v>147</v>
      </c>
      <c r="F179" s="16">
        <v>590767430</v>
      </c>
    </row>
    <row r="180" spans="1:6" ht="27.6" customHeight="1" x14ac:dyDescent="0.45">
      <c r="A180" s="17"/>
      <c r="B180" s="18"/>
      <c r="C180" s="15" t="s">
        <v>145</v>
      </c>
      <c r="D180" s="15" t="s">
        <v>159</v>
      </c>
      <c r="E180" s="15" t="s">
        <v>160</v>
      </c>
      <c r="F180" s="16">
        <v>1650000</v>
      </c>
    </row>
    <row r="181" spans="1:6" ht="27.6" customHeight="1" x14ac:dyDescent="0.45">
      <c r="A181" s="17"/>
      <c r="B181" s="18"/>
      <c r="C181" s="15" t="s">
        <v>145</v>
      </c>
      <c r="D181" s="15" t="s">
        <v>114</v>
      </c>
      <c r="E181" s="15" t="s">
        <v>147</v>
      </c>
      <c r="F181" s="16">
        <v>330000</v>
      </c>
    </row>
    <row r="182" spans="1:6" ht="27.6" customHeight="1" thickBot="1" x14ac:dyDescent="0.5">
      <c r="A182" s="17"/>
      <c r="B182" s="18"/>
      <c r="C182" s="19" t="s">
        <v>145</v>
      </c>
      <c r="D182" s="19" t="s">
        <v>114</v>
      </c>
      <c r="E182" s="19" t="s">
        <v>147</v>
      </c>
      <c r="F182" s="20">
        <v>132000</v>
      </c>
    </row>
    <row r="183" spans="1:6" ht="27.6" customHeight="1" thickTop="1" x14ac:dyDescent="0.45">
      <c r="A183" s="21"/>
      <c r="B183" s="22"/>
      <c r="C183" s="23" t="s">
        <v>116</v>
      </c>
      <c r="D183" s="24"/>
      <c r="E183" s="25" t="s">
        <v>161</v>
      </c>
      <c r="F183" s="26">
        <v>1473763214</v>
      </c>
    </row>
    <row r="184" spans="1:6" ht="27" customHeight="1" x14ac:dyDescent="0.45">
      <c r="F184" s="3"/>
    </row>
    <row r="185" spans="1:6" ht="27" customHeight="1" x14ac:dyDescent="0.45">
      <c r="A185" s="5" t="s">
        <v>2</v>
      </c>
      <c r="B185" s="5" t="s">
        <v>107</v>
      </c>
      <c r="C185" s="5" t="s">
        <v>108</v>
      </c>
      <c r="D185" s="5" t="s">
        <v>109</v>
      </c>
      <c r="E185" s="5" t="s">
        <v>110</v>
      </c>
      <c r="F185" s="12" t="s">
        <v>5</v>
      </c>
    </row>
    <row r="186" spans="1:6" ht="27" customHeight="1" thickBot="1" x14ac:dyDescent="0.5">
      <c r="A186" s="13">
        <v>10</v>
      </c>
      <c r="B186" s="14" t="s">
        <v>15</v>
      </c>
      <c r="C186" s="19" t="s">
        <v>162</v>
      </c>
      <c r="D186" s="19" t="s">
        <v>129</v>
      </c>
      <c r="E186" s="19" t="s">
        <v>137</v>
      </c>
      <c r="F186" s="20">
        <v>1203396232</v>
      </c>
    </row>
    <row r="187" spans="1:6" ht="27" customHeight="1" thickTop="1" x14ac:dyDescent="0.45">
      <c r="A187" s="21"/>
      <c r="B187" s="22"/>
      <c r="C187" s="23" t="s">
        <v>116</v>
      </c>
      <c r="D187" s="24"/>
      <c r="E187" s="25" t="s">
        <v>120</v>
      </c>
      <c r="F187" s="26">
        <v>1203396232</v>
      </c>
    </row>
    <row r="188" spans="1:6" ht="27" customHeight="1" x14ac:dyDescent="0.45">
      <c r="F188" s="3"/>
    </row>
    <row r="189" spans="1:6" ht="27" customHeight="1" x14ac:dyDescent="0.45">
      <c r="A189" s="5" t="s">
        <v>2</v>
      </c>
      <c r="B189" s="5" t="s">
        <v>107</v>
      </c>
      <c r="C189" s="5" t="s">
        <v>108</v>
      </c>
      <c r="D189" s="5" t="s">
        <v>109</v>
      </c>
      <c r="E189" s="5" t="s">
        <v>110</v>
      </c>
      <c r="F189" s="12" t="s">
        <v>5</v>
      </c>
    </row>
    <row r="190" spans="1:6" ht="27" customHeight="1" x14ac:dyDescent="0.45">
      <c r="A190" s="13">
        <v>11</v>
      </c>
      <c r="B190" s="29" t="s">
        <v>16</v>
      </c>
      <c r="C190" s="15" t="s">
        <v>125</v>
      </c>
      <c r="D190" s="15" t="s">
        <v>126</v>
      </c>
      <c r="E190" s="15" t="s">
        <v>127</v>
      </c>
      <c r="F190" s="16">
        <v>492880481</v>
      </c>
    </row>
    <row r="191" spans="1:6" ht="27" customHeight="1" x14ac:dyDescent="0.45">
      <c r="A191" s="17"/>
      <c r="B191" s="30"/>
      <c r="C191" s="15" t="s">
        <v>111</v>
      </c>
      <c r="D191" s="15" t="s">
        <v>126</v>
      </c>
      <c r="E191" s="15" t="s">
        <v>127</v>
      </c>
      <c r="F191" s="16">
        <v>408655500</v>
      </c>
    </row>
    <row r="192" spans="1:6" ht="27" customHeight="1" x14ac:dyDescent="0.45">
      <c r="A192" s="17"/>
      <c r="B192" s="18"/>
      <c r="C192" s="15" t="s">
        <v>111</v>
      </c>
      <c r="D192" s="15" t="s">
        <v>122</v>
      </c>
      <c r="E192" s="15" t="s">
        <v>123</v>
      </c>
      <c r="F192" s="16">
        <v>92620000</v>
      </c>
    </row>
    <row r="193" spans="1:6" ht="27" customHeight="1" x14ac:dyDescent="0.45">
      <c r="A193" s="17"/>
      <c r="B193" s="18"/>
      <c r="C193" s="15" t="s">
        <v>111</v>
      </c>
      <c r="D193" s="15" t="s">
        <v>126</v>
      </c>
      <c r="E193" s="15" t="s">
        <v>127</v>
      </c>
      <c r="F193" s="16">
        <v>50999300</v>
      </c>
    </row>
    <row r="194" spans="1:6" ht="27" customHeight="1" x14ac:dyDescent="0.45">
      <c r="A194" s="17"/>
      <c r="B194" s="18"/>
      <c r="C194" s="15" t="s">
        <v>125</v>
      </c>
      <c r="D194" s="15" t="s">
        <v>126</v>
      </c>
      <c r="E194" s="15" t="s">
        <v>127</v>
      </c>
      <c r="F194" s="16">
        <v>44843700</v>
      </c>
    </row>
    <row r="195" spans="1:6" ht="27" customHeight="1" x14ac:dyDescent="0.45">
      <c r="A195" s="17"/>
      <c r="B195" s="18"/>
      <c r="C195" s="15" t="s">
        <v>111</v>
      </c>
      <c r="D195" s="15" t="s">
        <v>126</v>
      </c>
      <c r="E195" s="15" t="s">
        <v>127</v>
      </c>
      <c r="F195" s="16">
        <v>38657300</v>
      </c>
    </row>
    <row r="196" spans="1:6" ht="27" customHeight="1" x14ac:dyDescent="0.45">
      <c r="A196" s="17"/>
      <c r="B196" s="18"/>
      <c r="C196" s="15" t="s">
        <v>111</v>
      </c>
      <c r="D196" s="15" t="s">
        <v>126</v>
      </c>
      <c r="E196" s="15" t="s">
        <v>127</v>
      </c>
      <c r="F196" s="16">
        <v>8254400</v>
      </c>
    </row>
    <row r="197" spans="1:6" ht="27" customHeight="1" x14ac:dyDescent="0.45">
      <c r="A197" s="17"/>
      <c r="B197" s="18"/>
      <c r="C197" s="15" t="s">
        <v>125</v>
      </c>
      <c r="D197" s="15" t="s">
        <v>126</v>
      </c>
      <c r="E197" s="15" t="s">
        <v>127</v>
      </c>
      <c r="F197" s="16">
        <v>8121300</v>
      </c>
    </row>
    <row r="198" spans="1:6" ht="27" customHeight="1" x14ac:dyDescent="0.45">
      <c r="A198" s="17"/>
      <c r="B198" s="18"/>
      <c r="C198" s="15" t="s">
        <v>111</v>
      </c>
      <c r="D198" s="15" t="s">
        <v>126</v>
      </c>
      <c r="E198" s="15" t="s">
        <v>127</v>
      </c>
      <c r="F198" s="16">
        <v>1029600</v>
      </c>
    </row>
    <row r="199" spans="1:6" ht="27" customHeight="1" x14ac:dyDescent="0.45">
      <c r="A199" s="17"/>
      <c r="B199" s="18"/>
      <c r="C199" s="15" t="s">
        <v>162</v>
      </c>
      <c r="D199" s="15" t="s">
        <v>112</v>
      </c>
      <c r="E199" s="15" t="s">
        <v>163</v>
      </c>
      <c r="F199" s="16">
        <v>696300</v>
      </c>
    </row>
    <row r="200" spans="1:6" ht="27" customHeight="1" x14ac:dyDescent="0.45">
      <c r="A200" s="17"/>
      <c r="B200" s="18"/>
      <c r="C200" s="15" t="s">
        <v>162</v>
      </c>
      <c r="D200" s="15" t="s">
        <v>112</v>
      </c>
      <c r="E200" s="15" t="s">
        <v>164</v>
      </c>
      <c r="F200" s="16">
        <v>572000</v>
      </c>
    </row>
    <row r="201" spans="1:6" ht="27" customHeight="1" thickBot="1" x14ac:dyDescent="0.5">
      <c r="A201" s="17"/>
      <c r="B201" s="18"/>
      <c r="C201" s="19" t="s">
        <v>125</v>
      </c>
      <c r="D201" s="19" t="s">
        <v>112</v>
      </c>
      <c r="E201" s="19" t="s">
        <v>163</v>
      </c>
      <c r="F201" s="20">
        <v>220000</v>
      </c>
    </row>
    <row r="202" spans="1:6" ht="27" customHeight="1" thickTop="1" x14ac:dyDescent="0.45">
      <c r="A202" s="21"/>
      <c r="B202" s="22"/>
      <c r="C202" s="23" t="s">
        <v>116</v>
      </c>
      <c r="D202" s="24"/>
      <c r="E202" s="25" t="s">
        <v>165</v>
      </c>
      <c r="F202" s="26">
        <v>1147549881</v>
      </c>
    </row>
    <row r="203" spans="1:6" ht="27" customHeight="1" x14ac:dyDescent="0.45">
      <c r="F203" s="3"/>
    </row>
    <row r="204" spans="1:6" ht="27" customHeight="1" x14ac:dyDescent="0.45">
      <c r="A204" s="5" t="s">
        <v>2</v>
      </c>
      <c r="B204" s="5" t="s">
        <v>107</v>
      </c>
      <c r="C204" s="5" t="s">
        <v>108</v>
      </c>
      <c r="D204" s="5" t="s">
        <v>109</v>
      </c>
      <c r="E204" s="5" t="s">
        <v>110</v>
      </c>
      <c r="F204" s="12" t="s">
        <v>5</v>
      </c>
    </row>
    <row r="205" spans="1:6" ht="27" customHeight="1" x14ac:dyDescent="0.45">
      <c r="A205" s="13">
        <v>12</v>
      </c>
      <c r="B205" s="14" t="s">
        <v>17</v>
      </c>
      <c r="C205" s="15" t="s">
        <v>111</v>
      </c>
      <c r="D205" s="15" t="s">
        <v>126</v>
      </c>
      <c r="E205" s="15" t="s">
        <v>166</v>
      </c>
      <c r="F205" s="16">
        <v>79117478</v>
      </c>
    </row>
    <row r="206" spans="1:6" ht="27" customHeight="1" x14ac:dyDescent="0.45">
      <c r="A206" s="17"/>
      <c r="B206" s="18"/>
      <c r="C206" s="15" t="s">
        <v>111</v>
      </c>
      <c r="D206" s="15" t="s">
        <v>126</v>
      </c>
      <c r="E206" s="15" t="s">
        <v>167</v>
      </c>
      <c r="F206" s="16">
        <v>76789625</v>
      </c>
    </row>
    <row r="207" spans="1:6" ht="27" customHeight="1" x14ac:dyDescent="0.45">
      <c r="A207" s="17"/>
      <c r="B207" s="18"/>
      <c r="C207" s="15" t="s">
        <v>111</v>
      </c>
      <c r="D207" s="15" t="s">
        <v>126</v>
      </c>
      <c r="E207" s="15" t="s">
        <v>168</v>
      </c>
      <c r="F207" s="16">
        <v>76785390</v>
      </c>
    </row>
    <row r="208" spans="1:6" ht="27" customHeight="1" x14ac:dyDescent="0.45">
      <c r="A208" s="17"/>
      <c r="B208" s="18"/>
      <c r="C208" s="15" t="s">
        <v>111</v>
      </c>
      <c r="D208" s="15" t="s">
        <v>126</v>
      </c>
      <c r="E208" s="15" t="s">
        <v>169</v>
      </c>
      <c r="F208" s="16">
        <v>63007120</v>
      </c>
    </row>
    <row r="209" spans="1:6" ht="27" customHeight="1" x14ac:dyDescent="0.45">
      <c r="A209" s="17"/>
      <c r="B209" s="18"/>
      <c r="C209" s="15" t="s">
        <v>111</v>
      </c>
      <c r="D209" s="15" t="s">
        <v>126</v>
      </c>
      <c r="E209" s="15" t="s">
        <v>170</v>
      </c>
      <c r="F209" s="16">
        <v>62835300</v>
      </c>
    </row>
    <row r="210" spans="1:6" ht="27" customHeight="1" x14ac:dyDescent="0.45">
      <c r="A210" s="17"/>
      <c r="B210" s="18"/>
      <c r="C210" s="15" t="s">
        <v>111</v>
      </c>
      <c r="D210" s="15" t="s">
        <v>126</v>
      </c>
      <c r="E210" s="15" t="s">
        <v>171</v>
      </c>
      <c r="F210" s="16">
        <v>54956000</v>
      </c>
    </row>
    <row r="211" spans="1:6" ht="27" customHeight="1" x14ac:dyDescent="0.45">
      <c r="A211" s="17"/>
      <c r="B211" s="18"/>
      <c r="C211" s="15" t="s">
        <v>111</v>
      </c>
      <c r="D211" s="15" t="s">
        <v>126</v>
      </c>
      <c r="E211" s="15" t="s">
        <v>172</v>
      </c>
      <c r="F211" s="16">
        <v>46870989</v>
      </c>
    </row>
    <row r="212" spans="1:6" ht="27" customHeight="1" x14ac:dyDescent="0.45">
      <c r="A212" s="17"/>
      <c r="B212" s="18"/>
      <c r="C212" s="15" t="s">
        <v>111</v>
      </c>
      <c r="D212" s="15" t="s">
        <v>126</v>
      </c>
      <c r="E212" s="15" t="s">
        <v>173</v>
      </c>
      <c r="F212" s="16">
        <v>45967900</v>
      </c>
    </row>
    <row r="213" spans="1:6" ht="27" customHeight="1" x14ac:dyDescent="0.45">
      <c r="A213" s="17"/>
      <c r="B213" s="18"/>
      <c r="C213" s="15" t="s">
        <v>111</v>
      </c>
      <c r="D213" s="15" t="s">
        <v>126</v>
      </c>
      <c r="E213" s="15" t="s">
        <v>174</v>
      </c>
      <c r="F213" s="16">
        <v>45615790</v>
      </c>
    </row>
    <row r="214" spans="1:6" ht="27" customHeight="1" x14ac:dyDescent="0.45">
      <c r="A214" s="17"/>
      <c r="B214" s="18"/>
      <c r="C214" s="15" t="s">
        <v>111</v>
      </c>
      <c r="D214" s="15" t="s">
        <v>126</v>
      </c>
      <c r="E214" s="15" t="s">
        <v>175</v>
      </c>
      <c r="F214" s="16">
        <v>41517707</v>
      </c>
    </row>
    <row r="215" spans="1:6" ht="27" customHeight="1" x14ac:dyDescent="0.45">
      <c r="A215" s="17"/>
      <c r="B215" s="18"/>
      <c r="C215" s="15" t="s">
        <v>111</v>
      </c>
      <c r="D215" s="15" t="s">
        <v>126</v>
      </c>
      <c r="E215" s="15" t="s">
        <v>176</v>
      </c>
      <c r="F215" s="16">
        <v>38876739</v>
      </c>
    </row>
    <row r="216" spans="1:6" ht="27" customHeight="1" x14ac:dyDescent="0.45">
      <c r="A216" s="17"/>
      <c r="B216" s="18"/>
      <c r="C216" s="15" t="s">
        <v>111</v>
      </c>
      <c r="D216" s="15" t="s">
        <v>126</v>
      </c>
      <c r="E216" s="15" t="s">
        <v>172</v>
      </c>
      <c r="F216" s="16">
        <v>31302700</v>
      </c>
    </row>
    <row r="217" spans="1:6" ht="27" customHeight="1" x14ac:dyDescent="0.45">
      <c r="A217" s="17"/>
      <c r="B217" s="18"/>
      <c r="C217" s="15" t="s">
        <v>111</v>
      </c>
      <c r="D217" s="15" t="s">
        <v>126</v>
      </c>
      <c r="E217" s="15" t="s">
        <v>177</v>
      </c>
      <c r="F217" s="16">
        <v>30714640</v>
      </c>
    </row>
    <row r="218" spans="1:6" ht="27" customHeight="1" x14ac:dyDescent="0.45">
      <c r="A218" s="17"/>
      <c r="B218" s="18"/>
      <c r="C218" s="15" t="s">
        <v>111</v>
      </c>
      <c r="D218" s="15" t="s">
        <v>126</v>
      </c>
      <c r="E218" s="15" t="s">
        <v>178</v>
      </c>
      <c r="F218" s="16">
        <v>30648090</v>
      </c>
    </row>
    <row r="219" spans="1:6" ht="27" customHeight="1" x14ac:dyDescent="0.45">
      <c r="A219" s="17"/>
      <c r="B219" s="18"/>
      <c r="C219" s="15" t="s">
        <v>111</v>
      </c>
      <c r="D219" s="15" t="s">
        <v>126</v>
      </c>
      <c r="E219" s="15" t="s">
        <v>179</v>
      </c>
      <c r="F219" s="16">
        <v>26513663</v>
      </c>
    </row>
    <row r="220" spans="1:6" ht="27" customHeight="1" x14ac:dyDescent="0.45">
      <c r="A220" s="17"/>
      <c r="B220" s="18"/>
      <c r="C220" s="15" t="s">
        <v>111</v>
      </c>
      <c r="D220" s="15" t="s">
        <v>126</v>
      </c>
      <c r="E220" s="15" t="s">
        <v>180</v>
      </c>
      <c r="F220" s="16">
        <v>26240984</v>
      </c>
    </row>
    <row r="221" spans="1:6" ht="27" customHeight="1" x14ac:dyDescent="0.45">
      <c r="A221" s="21"/>
      <c r="B221" s="22"/>
      <c r="C221" s="32" t="s">
        <v>111</v>
      </c>
      <c r="D221" s="15" t="s">
        <v>126</v>
      </c>
      <c r="E221" s="15" t="s">
        <v>181</v>
      </c>
      <c r="F221" s="16">
        <v>23254077</v>
      </c>
    </row>
    <row r="222" spans="1:6" ht="27" customHeight="1" x14ac:dyDescent="0.45">
      <c r="A222" s="31"/>
      <c r="B222" s="14"/>
      <c r="C222" s="32" t="s">
        <v>111</v>
      </c>
      <c r="D222" s="15" t="s">
        <v>126</v>
      </c>
      <c r="E222" s="15" t="s">
        <v>182</v>
      </c>
      <c r="F222" s="16">
        <v>22622270</v>
      </c>
    </row>
    <row r="223" spans="1:6" ht="27" customHeight="1" x14ac:dyDescent="0.45">
      <c r="A223" s="17"/>
      <c r="B223" s="18"/>
      <c r="C223" s="15" t="s">
        <v>111</v>
      </c>
      <c r="D223" s="15" t="s">
        <v>126</v>
      </c>
      <c r="E223" s="15" t="s">
        <v>183</v>
      </c>
      <c r="F223" s="16">
        <v>14223550</v>
      </c>
    </row>
    <row r="224" spans="1:6" ht="27" customHeight="1" x14ac:dyDescent="0.45">
      <c r="A224" s="17"/>
      <c r="B224" s="18"/>
      <c r="C224" s="15" t="s">
        <v>111</v>
      </c>
      <c r="D224" s="15" t="s">
        <v>126</v>
      </c>
      <c r="E224" s="15" t="s">
        <v>173</v>
      </c>
      <c r="F224" s="16">
        <v>14102550</v>
      </c>
    </row>
    <row r="225" spans="1:6" ht="27" customHeight="1" x14ac:dyDescent="0.45">
      <c r="A225" s="17"/>
      <c r="B225" s="18"/>
      <c r="C225" s="15" t="s">
        <v>111</v>
      </c>
      <c r="D225" s="15" t="s">
        <v>126</v>
      </c>
      <c r="E225" s="15" t="s">
        <v>170</v>
      </c>
      <c r="F225" s="16">
        <v>13816275</v>
      </c>
    </row>
    <row r="226" spans="1:6" ht="27" customHeight="1" x14ac:dyDescent="0.45">
      <c r="A226" s="17"/>
      <c r="B226" s="18"/>
      <c r="C226" s="15" t="s">
        <v>111</v>
      </c>
      <c r="D226" s="15" t="s">
        <v>126</v>
      </c>
      <c r="E226" s="15" t="s">
        <v>183</v>
      </c>
      <c r="F226" s="16">
        <v>13687278</v>
      </c>
    </row>
    <row r="227" spans="1:6" ht="27" customHeight="1" x14ac:dyDescent="0.45">
      <c r="A227" s="17"/>
      <c r="B227" s="18"/>
      <c r="C227" s="15" t="s">
        <v>111</v>
      </c>
      <c r="D227" s="15" t="s">
        <v>126</v>
      </c>
      <c r="E227" s="15" t="s">
        <v>183</v>
      </c>
      <c r="F227" s="16">
        <v>12525150</v>
      </c>
    </row>
    <row r="228" spans="1:6" ht="27" customHeight="1" x14ac:dyDescent="0.45">
      <c r="A228" s="17"/>
      <c r="B228" s="18"/>
      <c r="C228" s="15" t="s">
        <v>111</v>
      </c>
      <c r="D228" s="15" t="s">
        <v>126</v>
      </c>
      <c r="E228" s="15" t="s">
        <v>184</v>
      </c>
      <c r="F228" s="16">
        <v>12289739</v>
      </c>
    </row>
    <row r="229" spans="1:6" ht="27" customHeight="1" x14ac:dyDescent="0.45">
      <c r="A229" s="17"/>
      <c r="B229" s="18"/>
      <c r="C229" s="15" t="s">
        <v>111</v>
      </c>
      <c r="D229" s="15" t="s">
        <v>126</v>
      </c>
      <c r="E229" s="15" t="s">
        <v>169</v>
      </c>
      <c r="F229" s="16">
        <v>11717981</v>
      </c>
    </row>
    <row r="230" spans="1:6" ht="27" customHeight="1" x14ac:dyDescent="0.45">
      <c r="A230" s="17"/>
      <c r="B230" s="18"/>
      <c r="C230" s="15" t="s">
        <v>111</v>
      </c>
      <c r="D230" s="15" t="s">
        <v>126</v>
      </c>
      <c r="E230" s="15" t="s">
        <v>184</v>
      </c>
      <c r="F230" s="16">
        <v>11482900</v>
      </c>
    </row>
    <row r="231" spans="1:6" ht="27" customHeight="1" x14ac:dyDescent="0.45">
      <c r="A231" s="17"/>
      <c r="B231" s="18"/>
      <c r="C231" s="15" t="s">
        <v>111</v>
      </c>
      <c r="D231" s="15" t="s">
        <v>126</v>
      </c>
      <c r="E231" s="15" t="s">
        <v>177</v>
      </c>
      <c r="F231" s="16">
        <v>11181830</v>
      </c>
    </row>
    <row r="232" spans="1:6" ht="27" customHeight="1" x14ac:dyDescent="0.45">
      <c r="A232" s="17"/>
      <c r="B232" s="18"/>
      <c r="C232" s="15" t="s">
        <v>111</v>
      </c>
      <c r="D232" s="15" t="s">
        <v>126</v>
      </c>
      <c r="E232" s="15" t="s">
        <v>174</v>
      </c>
      <c r="F232" s="16">
        <v>5457100</v>
      </c>
    </row>
    <row r="233" spans="1:6" ht="27" customHeight="1" x14ac:dyDescent="0.45">
      <c r="A233" s="17"/>
      <c r="B233" s="18"/>
      <c r="C233" s="15" t="s">
        <v>111</v>
      </c>
      <c r="D233" s="15" t="s">
        <v>126</v>
      </c>
      <c r="E233" s="15" t="s">
        <v>181</v>
      </c>
      <c r="F233" s="16">
        <v>5363600</v>
      </c>
    </row>
    <row r="234" spans="1:6" ht="27" customHeight="1" x14ac:dyDescent="0.45">
      <c r="A234" s="17"/>
      <c r="B234" s="18"/>
      <c r="C234" s="15" t="s">
        <v>111</v>
      </c>
      <c r="D234" s="15" t="s">
        <v>126</v>
      </c>
      <c r="E234" s="15" t="s">
        <v>182</v>
      </c>
      <c r="F234" s="16">
        <v>5313000</v>
      </c>
    </row>
    <row r="235" spans="1:6" ht="27" customHeight="1" x14ac:dyDescent="0.45">
      <c r="A235" s="17"/>
      <c r="B235" s="18"/>
      <c r="C235" s="15" t="s">
        <v>111</v>
      </c>
      <c r="D235" s="15" t="s">
        <v>126</v>
      </c>
      <c r="E235" s="15" t="s">
        <v>184</v>
      </c>
      <c r="F235" s="16">
        <v>5161200</v>
      </c>
    </row>
    <row r="236" spans="1:6" ht="27" customHeight="1" x14ac:dyDescent="0.45">
      <c r="A236" s="17"/>
      <c r="B236" s="18"/>
      <c r="C236" s="15" t="s">
        <v>111</v>
      </c>
      <c r="D236" s="15" t="s">
        <v>126</v>
      </c>
      <c r="E236" s="15" t="s">
        <v>167</v>
      </c>
      <c r="F236" s="16">
        <v>874500</v>
      </c>
    </row>
    <row r="237" spans="1:6" ht="27" customHeight="1" x14ac:dyDescent="0.45">
      <c r="A237" s="17"/>
      <c r="B237" s="18"/>
      <c r="C237" s="32" t="s">
        <v>111</v>
      </c>
      <c r="D237" s="15" t="s">
        <v>126</v>
      </c>
      <c r="E237" s="15" t="s">
        <v>166</v>
      </c>
      <c r="F237" s="16">
        <v>874500</v>
      </c>
    </row>
    <row r="238" spans="1:6" ht="27" customHeight="1" x14ac:dyDescent="0.45">
      <c r="A238" s="17"/>
      <c r="B238" s="18"/>
      <c r="C238" s="32" t="s">
        <v>111</v>
      </c>
      <c r="D238" s="15" t="s">
        <v>126</v>
      </c>
      <c r="E238" s="15" t="s">
        <v>168</v>
      </c>
      <c r="F238" s="16">
        <v>874500</v>
      </c>
    </row>
    <row r="239" spans="1:6" ht="27" customHeight="1" x14ac:dyDescent="0.45">
      <c r="A239" s="17"/>
      <c r="B239" s="18"/>
      <c r="C239" s="15" t="s">
        <v>111</v>
      </c>
      <c r="D239" s="15" t="s">
        <v>126</v>
      </c>
      <c r="E239" s="15" t="s">
        <v>170</v>
      </c>
      <c r="F239" s="16">
        <v>699600</v>
      </c>
    </row>
    <row r="240" spans="1:6" ht="27" customHeight="1" x14ac:dyDescent="0.45">
      <c r="A240" s="17"/>
      <c r="B240" s="18"/>
      <c r="C240" s="15" t="s">
        <v>111</v>
      </c>
      <c r="D240" s="15" t="s">
        <v>126</v>
      </c>
      <c r="E240" s="15" t="s">
        <v>169</v>
      </c>
      <c r="F240" s="16">
        <v>699600</v>
      </c>
    </row>
    <row r="241" spans="1:6" ht="27" customHeight="1" x14ac:dyDescent="0.45">
      <c r="A241" s="17"/>
      <c r="B241" s="18"/>
      <c r="C241" s="15" t="s">
        <v>111</v>
      </c>
      <c r="D241" s="15" t="s">
        <v>126</v>
      </c>
      <c r="E241" s="15" t="s">
        <v>171</v>
      </c>
      <c r="F241" s="16">
        <v>699600</v>
      </c>
    </row>
    <row r="242" spans="1:6" ht="27" customHeight="1" x14ac:dyDescent="0.45">
      <c r="A242" s="17"/>
      <c r="B242" s="18"/>
      <c r="C242" s="15" t="s">
        <v>111</v>
      </c>
      <c r="D242" s="15" t="s">
        <v>126</v>
      </c>
      <c r="E242" s="15" t="s">
        <v>172</v>
      </c>
      <c r="F242" s="16">
        <v>699600</v>
      </c>
    </row>
    <row r="243" spans="1:6" ht="27" customHeight="1" x14ac:dyDescent="0.45">
      <c r="A243" s="17"/>
      <c r="B243" s="18"/>
      <c r="C243" s="15" t="s">
        <v>111</v>
      </c>
      <c r="D243" s="15" t="s">
        <v>126</v>
      </c>
      <c r="E243" s="15" t="s">
        <v>175</v>
      </c>
      <c r="F243" s="16">
        <v>524700</v>
      </c>
    </row>
    <row r="244" spans="1:6" ht="27" customHeight="1" x14ac:dyDescent="0.45">
      <c r="A244" s="17"/>
      <c r="B244" s="18"/>
      <c r="C244" s="15" t="s">
        <v>111</v>
      </c>
      <c r="D244" s="15" t="s">
        <v>126</v>
      </c>
      <c r="E244" s="15" t="s">
        <v>176</v>
      </c>
      <c r="F244" s="16">
        <v>524700</v>
      </c>
    </row>
    <row r="245" spans="1:6" ht="27" customHeight="1" x14ac:dyDescent="0.45">
      <c r="A245" s="17"/>
      <c r="B245" s="18"/>
      <c r="C245" s="15" t="s">
        <v>111</v>
      </c>
      <c r="D245" s="15" t="s">
        <v>126</v>
      </c>
      <c r="E245" s="15" t="s">
        <v>174</v>
      </c>
      <c r="F245" s="16">
        <v>524700</v>
      </c>
    </row>
    <row r="246" spans="1:6" ht="27" customHeight="1" x14ac:dyDescent="0.45">
      <c r="A246" s="17"/>
      <c r="B246" s="18"/>
      <c r="C246" s="15" t="s">
        <v>111</v>
      </c>
      <c r="D246" s="15" t="s">
        <v>126</v>
      </c>
      <c r="E246" s="15" t="s">
        <v>173</v>
      </c>
      <c r="F246" s="16">
        <v>524700</v>
      </c>
    </row>
    <row r="247" spans="1:6" ht="27" customHeight="1" x14ac:dyDescent="0.45">
      <c r="A247" s="17"/>
      <c r="B247" s="18"/>
      <c r="C247" s="15" t="s">
        <v>111</v>
      </c>
      <c r="D247" s="15" t="s">
        <v>126</v>
      </c>
      <c r="E247" s="15" t="s">
        <v>184</v>
      </c>
      <c r="F247" s="16">
        <v>436810</v>
      </c>
    </row>
    <row r="248" spans="1:6" ht="27" customHeight="1" x14ac:dyDescent="0.45">
      <c r="A248" s="17"/>
      <c r="B248" s="18"/>
      <c r="C248" s="15" t="s">
        <v>111</v>
      </c>
      <c r="D248" s="15" t="s">
        <v>126</v>
      </c>
      <c r="E248" s="15" t="s">
        <v>182</v>
      </c>
      <c r="F248" s="16">
        <v>349800</v>
      </c>
    </row>
    <row r="249" spans="1:6" ht="27" customHeight="1" x14ac:dyDescent="0.45">
      <c r="A249" s="17"/>
      <c r="B249" s="18"/>
      <c r="C249" s="15" t="s">
        <v>111</v>
      </c>
      <c r="D249" s="15" t="s">
        <v>126</v>
      </c>
      <c r="E249" s="15" t="s">
        <v>180</v>
      </c>
      <c r="F249" s="16">
        <v>349800</v>
      </c>
    </row>
    <row r="250" spans="1:6" ht="27" customHeight="1" x14ac:dyDescent="0.45">
      <c r="A250" s="17"/>
      <c r="B250" s="18"/>
      <c r="C250" s="15" t="s">
        <v>111</v>
      </c>
      <c r="D250" s="15" t="s">
        <v>126</v>
      </c>
      <c r="E250" s="15" t="s">
        <v>179</v>
      </c>
      <c r="F250" s="16">
        <v>349800</v>
      </c>
    </row>
    <row r="251" spans="1:6" ht="27" customHeight="1" x14ac:dyDescent="0.45">
      <c r="A251" s="17"/>
      <c r="B251" s="18"/>
      <c r="C251" s="15" t="s">
        <v>111</v>
      </c>
      <c r="D251" s="15" t="s">
        <v>126</v>
      </c>
      <c r="E251" s="15" t="s">
        <v>177</v>
      </c>
      <c r="F251" s="16">
        <v>349800</v>
      </c>
    </row>
    <row r="252" spans="1:6" ht="27" customHeight="1" x14ac:dyDescent="0.45">
      <c r="A252" s="17"/>
      <c r="B252" s="18"/>
      <c r="C252" s="15" t="s">
        <v>111</v>
      </c>
      <c r="D252" s="15" t="s">
        <v>126</v>
      </c>
      <c r="E252" s="15" t="s">
        <v>178</v>
      </c>
      <c r="F252" s="16">
        <v>349800</v>
      </c>
    </row>
    <row r="253" spans="1:6" ht="27" customHeight="1" x14ac:dyDescent="0.45">
      <c r="A253" s="17"/>
      <c r="B253" s="18"/>
      <c r="C253" s="15" t="s">
        <v>111</v>
      </c>
      <c r="D253" s="15" t="s">
        <v>126</v>
      </c>
      <c r="E253" s="15" t="s">
        <v>181</v>
      </c>
      <c r="F253" s="16">
        <v>349800</v>
      </c>
    </row>
    <row r="254" spans="1:6" ht="27" customHeight="1" x14ac:dyDescent="0.45">
      <c r="A254" s="17"/>
      <c r="B254" s="18"/>
      <c r="C254" s="15" t="s">
        <v>111</v>
      </c>
      <c r="D254" s="15" t="s">
        <v>126</v>
      </c>
      <c r="E254" s="15" t="s">
        <v>172</v>
      </c>
      <c r="F254" s="16">
        <v>349800</v>
      </c>
    </row>
    <row r="255" spans="1:6" ht="27" customHeight="1" x14ac:dyDescent="0.45">
      <c r="A255" s="17"/>
      <c r="B255" s="18"/>
      <c r="C255" s="15" t="s">
        <v>111</v>
      </c>
      <c r="D255" s="15" t="s">
        <v>126</v>
      </c>
      <c r="E255" s="15" t="s">
        <v>184</v>
      </c>
      <c r="F255" s="16">
        <v>317680</v>
      </c>
    </row>
    <row r="256" spans="1:6" ht="27" customHeight="1" x14ac:dyDescent="0.45">
      <c r="A256" s="17"/>
      <c r="B256" s="18"/>
      <c r="C256" s="15" t="s">
        <v>111</v>
      </c>
      <c r="D256" s="15" t="s">
        <v>126</v>
      </c>
      <c r="E256" s="15" t="s">
        <v>170</v>
      </c>
      <c r="F256" s="16">
        <v>174900</v>
      </c>
    </row>
    <row r="257" spans="1:6" ht="27" customHeight="1" x14ac:dyDescent="0.45">
      <c r="A257" s="17"/>
      <c r="B257" s="18"/>
      <c r="C257" s="15" t="s">
        <v>111</v>
      </c>
      <c r="D257" s="15" t="s">
        <v>126</v>
      </c>
      <c r="E257" s="15" t="s">
        <v>169</v>
      </c>
      <c r="F257" s="16">
        <v>174900</v>
      </c>
    </row>
    <row r="258" spans="1:6" ht="27" customHeight="1" x14ac:dyDescent="0.45">
      <c r="A258" s="21"/>
      <c r="B258" s="22"/>
      <c r="C258" s="32" t="s">
        <v>111</v>
      </c>
      <c r="D258" s="15" t="s">
        <v>126</v>
      </c>
      <c r="E258" s="15" t="s">
        <v>184</v>
      </c>
      <c r="F258" s="16">
        <v>174900</v>
      </c>
    </row>
    <row r="259" spans="1:6" ht="27" customHeight="1" x14ac:dyDescent="0.45">
      <c r="A259" s="31"/>
      <c r="B259" s="14"/>
      <c r="C259" s="32" t="s">
        <v>111</v>
      </c>
      <c r="D259" s="15" t="s">
        <v>126</v>
      </c>
      <c r="E259" s="15" t="s">
        <v>184</v>
      </c>
      <c r="F259" s="16">
        <v>174900</v>
      </c>
    </row>
    <row r="260" spans="1:6" ht="27" customHeight="1" x14ac:dyDescent="0.45">
      <c r="A260" s="17"/>
      <c r="B260" s="18"/>
      <c r="C260" s="15" t="s">
        <v>111</v>
      </c>
      <c r="D260" s="15" t="s">
        <v>126</v>
      </c>
      <c r="E260" s="15" t="s">
        <v>184</v>
      </c>
      <c r="F260" s="16">
        <v>174900</v>
      </c>
    </row>
    <row r="261" spans="1:6" ht="27" customHeight="1" x14ac:dyDescent="0.45">
      <c r="A261" s="17"/>
      <c r="B261" s="18"/>
      <c r="C261" s="15" t="s">
        <v>111</v>
      </c>
      <c r="D261" s="15" t="s">
        <v>126</v>
      </c>
      <c r="E261" s="15" t="s">
        <v>183</v>
      </c>
      <c r="F261" s="16">
        <v>174900</v>
      </c>
    </row>
    <row r="262" spans="1:6" ht="27" customHeight="1" x14ac:dyDescent="0.45">
      <c r="A262" s="17"/>
      <c r="B262" s="18"/>
      <c r="C262" s="15" t="s">
        <v>111</v>
      </c>
      <c r="D262" s="15" t="s">
        <v>126</v>
      </c>
      <c r="E262" s="15" t="s">
        <v>183</v>
      </c>
      <c r="F262" s="16">
        <v>174900</v>
      </c>
    </row>
    <row r="263" spans="1:6" ht="27" customHeight="1" x14ac:dyDescent="0.45">
      <c r="A263" s="17"/>
      <c r="B263" s="18"/>
      <c r="C263" s="15" t="s">
        <v>111</v>
      </c>
      <c r="D263" s="15" t="s">
        <v>126</v>
      </c>
      <c r="E263" s="15" t="s">
        <v>183</v>
      </c>
      <c r="F263" s="16">
        <v>174900</v>
      </c>
    </row>
    <row r="264" spans="1:6" ht="27" customHeight="1" x14ac:dyDescent="0.45">
      <c r="A264" s="17"/>
      <c r="B264" s="18"/>
      <c r="C264" s="15" t="s">
        <v>111</v>
      </c>
      <c r="D264" s="15" t="s">
        <v>126</v>
      </c>
      <c r="E264" s="15" t="s">
        <v>174</v>
      </c>
      <c r="F264" s="16">
        <v>174900</v>
      </c>
    </row>
    <row r="265" spans="1:6" ht="27" customHeight="1" x14ac:dyDescent="0.45">
      <c r="A265" s="17"/>
      <c r="B265" s="18"/>
      <c r="C265" s="15" t="s">
        <v>111</v>
      </c>
      <c r="D265" s="15" t="s">
        <v>126</v>
      </c>
      <c r="E265" s="15" t="s">
        <v>182</v>
      </c>
      <c r="F265" s="16">
        <v>174900</v>
      </c>
    </row>
    <row r="266" spans="1:6" ht="27" customHeight="1" x14ac:dyDescent="0.45">
      <c r="A266" s="17"/>
      <c r="B266" s="18"/>
      <c r="C266" s="15" t="s">
        <v>111</v>
      </c>
      <c r="D266" s="15" t="s">
        <v>126</v>
      </c>
      <c r="E266" s="15" t="s">
        <v>173</v>
      </c>
      <c r="F266" s="16">
        <v>174900</v>
      </c>
    </row>
    <row r="267" spans="1:6" ht="27" customHeight="1" x14ac:dyDescent="0.45">
      <c r="A267" s="17"/>
      <c r="B267" s="18"/>
      <c r="C267" s="15" t="s">
        <v>111</v>
      </c>
      <c r="D267" s="15" t="s">
        <v>126</v>
      </c>
      <c r="E267" s="15" t="s">
        <v>177</v>
      </c>
      <c r="F267" s="16">
        <v>174900</v>
      </c>
    </row>
    <row r="268" spans="1:6" ht="27" customHeight="1" x14ac:dyDescent="0.45">
      <c r="A268" s="17"/>
      <c r="B268" s="18"/>
      <c r="C268" s="15" t="s">
        <v>111</v>
      </c>
      <c r="D268" s="15" t="s">
        <v>126</v>
      </c>
      <c r="E268" s="15" t="s">
        <v>181</v>
      </c>
      <c r="F268" s="16">
        <v>174900</v>
      </c>
    </row>
    <row r="269" spans="1:6" ht="27" customHeight="1" x14ac:dyDescent="0.45">
      <c r="A269" s="17"/>
      <c r="B269" s="18"/>
      <c r="C269" s="15" t="s">
        <v>111</v>
      </c>
      <c r="D269" s="15" t="s">
        <v>126</v>
      </c>
      <c r="E269" s="15" t="s">
        <v>174</v>
      </c>
      <c r="F269" s="16">
        <v>132000</v>
      </c>
    </row>
    <row r="270" spans="1:6" ht="27" customHeight="1" x14ac:dyDescent="0.45">
      <c r="A270" s="17"/>
      <c r="B270" s="18"/>
      <c r="C270" s="15" t="s">
        <v>111</v>
      </c>
      <c r="D270" s="15" t="s">
        <v>126</v>
      </c>
      <c r="E270" s="15" t="s">
        <v>173</v>
      </c>
      <c r="F270" s="16">
        <v>132000</v>
      </c>
    </row>
    <row r="271" spans="1:6" ht="27" customHeight="1" x14ac:dyDescent="0.45">
      <c r="A271" s="17"/>
      <c r="B271" s="18"/>
      <c r="C271" s="32" t="s">
        <v>111</v>
      </c>
      <c r="D271" s="15" t="s">
        <v>126</v>
      </c>
      <c r="E271" s="15" t="s">
        <v>169</v>
      </c>
      <c r="F271" s="16">
        <v>119710</v>
      </c>
    </row>
    <row r="272" spans="1:6" ht="27" customHeight="1" x14ac:dyDescent="0.45">
      <c r="A272" s="17"/>
      <c r="B272" s="18"/>
      <c r="C272" s="32" t="s">
        <v>111</v>
      </c>
      <c r="D272" s="15" t="s">
        <v>126</v>
      </c>
      <c r="E272" s="15" t="s">
        <v>175</v>
      </c>
      <c r="F272" s="16">
        <v>88776</v>
      </c>
    </row>
    <row r="273" spans="1:6" ht="27" customHeight="1" thickBot="1" x14ac:dyDescent="0.5">
      <c r="A273" s="17"/>
      <c r="B273" s="18"/>
      <c r="C273" s="15" t="s">
        <v>111</v>
      </c>
      <c r="D273" s="15" t="s">
        <v>126</v>
      </c>
      <c r="E273" s="15" t="s">
        <v>179</v>
      </c>
      <c r="F273" s="16">
        <v>88776</v>
      </c>
    </row>
    <row r="274" spans="1:6" ht="27" customHeight="1" thickTop="1" x14ac:dyDescent="0.45">
      <c r="A274" s="21"/>
      <c r="B274" s="22"/>
      <c r="C274" s="23" t="s">
        <v>116</v>
      </c>
      <c r="D274" s="24"/>
      <c r="E274" s="25" t="s">
        <v>185</v>
      </c>
      <c r="F274" s="26">
        <v>973517367</v>
      </c>
    </row>
    <row r="275" spans="1:6" ht="27" customHeight="1" x14ac:dyDescent="0.45">
      <c r="F275" s="3"/>
    </row>
    <row r="276" spans="1:6" ht="27" customHeight="1" x14ac:dyDescent="0.45">
      <c r="A276" s="5" t="s">
        <v>2</v>
      </c>
      <c r="B276" s="5" t="s">
        <v>107</v>
      </c>
      <c r="C276" s="5" t="s">
        <v>108</v>
      </c>
      <c r="D276" s="5" t="s">
        <v>109</v>
      </c>
      <c r="E276" s="5" t="s">
        <v>110</v>
      </c>
      <c r="F276" s="12" t="s">
        <v>5</v>
      </c>
    </row>
    <row r="277" spans="1:6" ht="27" customHeight="1" x14ac:dyDescent="0.45">
      <c r="A277" s="13">
        <v>13</v>
      </c>
      <c r="B277" s="29" t="s">
        <v>18</v>
      </c>
      <c r="C277" s="15" t="s">
        <v>111</v>
      </c>
      <c r="D277" s="15" t="s">
        <v>149</v>
      </c>
      <c r="E277" s="15" t="s">
        <v>150</v>
      </c>
      <c r="F277" s="16">
        <v>110000000</v>
      </c>
    </row>
    <row r="278" spans="1:6" ht="27" customHeight="1" x14ac:dyDescent="0.45">
      <c r="A278" s="17"/>
      <c r="B278" s="30"/>
      <c r="C278" s="15" t="s">
        <v>111</v>
      </c>
      <c r="D278" s="15" t="s">
        <v>149</v>
      </c>
      <c r="E278" s="15" t="s">
        <v>150</v>
      </c>
      <c r="F278" s="16">
        <v>84517711</v>
      </c>
    </row>
    <row r="279" spans="1:6" ht="27" customHeight="1" x14ac:dyDescent="0.45">
      <c r="A279" s="17"/>
      <c r="B279" s="18"/>
      <c r="C279" s="15" t="s">
        <v>111</v>
      </c>
      <c r="D279" s="15" t="s">
        <v>149</v>
      </c>
      <c r="E279" s="15" t="s">
        <v>150</v>
      </c>
      <c r="F279" s="16">
        <v>34276577</v>
      </c>
    </row>
    <row r="280" spans="1:6" ht="27" customHeight="1" x14ac:dyDescent="0.45">
      <c r="A280" s="17"/>
      <c r="B280" s="18"/>
      <c r="C280" s="15" t="s">
        <v>111</v>
      </c>
      <c r="D280" s="15" t="s">
        <v>149</v>
      </c>
      <c r="E280" s="15" t="s">
        <v>150</v>
      </c>
      <c r="F280" s="16">
        <v>34111849</v>
      </c>
    </row>
    <row r="281" spans="1:6" ht="27" customHeight="1" x14ac:dyDescent="0.45">
      <c r="A281" s="17"/>
      <c r="B281" s="18"/>
      <c r="C281" s="15" t="s">
        <v>111</v>
      </c>
      <c r="D281" s="15" t="s">
        <v>149</v>
      </c>
      <c r="E281" s="15" t="s">
        <v>150</v>
      </c>
      <c r="F281" s="16">
        <v>33999700</v>
      </c>
    </row>
    <row r="282" spans="1:6" ht="27" customHeight="1" x14ac:dyDescent="0.45">
      <c r="A282" s="17"/>
      <c r="B282" s="18"/>
      <c r="C282" s="15" t="s">
        <v>111</v>
      </c>
      <c r="D282" s="15" t="s">
        <v>149</v>
      </c>
      <c r="E282" s="15" t="s">
        <v>150</v>
      </c>
      <c r="F282" s="16">
        <v>32713680</v>
      </c>
    </row>
    <row r="283" spans="1:6" ht="27" customHeight="1" x14ac:dyDescent="0.45">
      <c r="A283" s="17"/>
      <c r="B283" s="18"/>
      <c r="C283" s="15" t="s">
        <v>111</v>
      </c>
      <c r="D283" s="15" t="s">
        <v>149</v>
      </c>
      <c r="E283" s="15" t="s">
        <v>150</v>
      </c>
      <c r="F283" s="16">
        <v>32496962</v>
      </c>
    </row>
    <row r="284" spans="1:6" ht="27" customHeight="1" x14ac:dyDescent="0.45">
      <c r="A284" s="17"/>
      <c r="B284" s="18"/>
      <c r="C284" s="15" t="s">
        <v>111</v>
      </c>
      <c r="D284" s="15" t="s">
        <v>149</v>
      </c>
      <c r="E284" s="15" t="s">
        <v>150</v>
      </c>
      <c r="F284" s="16">
        <v>32439081</v>
      </c>
    </row>
    <row r="285" spans="1:6" ht="27" customHeight="1" x14ac:dyDescent="0.45">
      <c r="A285" s="17"/>
      <c r="B285" s="18"/>
      <c r="C285" s="15" t="s">
        <v>111</v>
      </c>
      <c r="D285" s="15" t="s">
        <v>149</v>
      </c>
      <c r="E285" s="15" t="s">
        <v>150</v>
      </c>
      <c r="F285" s="16">
        <v>32206945</v>
      </c>
    </row>
    <row r="286" spans="1:6" ht="27" customHeight="1" x14ac:dyDescent="0.45">
      <c r="A286" s="17"/>
      <c r="B286" s="18"/>
      <c r="C286" s="15" t="s">
        <v>111</v>
      </c>
      <c r="D286" s="15" t="s">
        <v>149</v>
      </c>
      <c r="E286" s="15" t="s">
        <v>150</v>
      </c>
      <c r="F286" s="16">
        <v>32078641</v>
      </c>
    </row>
    <row r="287" spans="1:6" ht="27" customHeight="1" x14ac:dyDescent="0.45">
      <c r="A287" s="17"/>
      <c r="B287" s="18"/>
      <c r="C287" s="15" t="s">
        <v>111</v>
      </c>
      <c r="D287" s="15" t="s">
        <v>149</v>
      </c>
      <c r="E287" s="15" t="s">
        <v>150</v>
      </c>
      <c r="F287" s="16">
        <v>32073133</v>
      </c>
    </row>
    <row r="288" spans="1:6" ht="27" customHeight="1" x14ac:dyDescent="0.45">
      <c r="A288" s="17"/>
      <c r="B288" s="18"/>
      <c r="C288" s="15" t="s">
        <v>111</v>
      </c>
      <c r="D288" s="15" t="s">
        <v>149</v>
      </c>
      <c r="E288" s="15" t="s">
        <v>150</v>
      </c>
      <c r="F288" s="16">
        <v>31845152</v>
      </c>
    </row>
    <row r="289" spans="1:6" ht="27" customHeight="1" x14ac:dyDescent="0.45">
      <c r="A289" s="17"/>
      <c r="B289" s="18"/>
      <c r="C289" s="15" t="s">
        <v>111</v>
      </c>
      <c r="D289" s="15" t="s">
        <v>149</v>
      </c>
      <c r="E289" s="15" t="s">
        <v>150</v>
      </c>
      <c r="F289" s="16">
        <v>31476194</v>
      </c>
    </row>
    <row r="290" spans="1:6" ht="27" customHeight="1" x14ac:dyDescent="0.45">
      <c r="A290" s="17"/>
      <c r="B290" s="18"/>
      <c r="C290" s="15" t="s">
        <v>111</v>
      </c>
      <c r="D290" s="15" t="s">
        <v>149</v>
      </c>
      <c r="E290" s="15" t="s">
        <v>150</v>
      </c>
      <c r="F290" s="16">
        <v>30528055</v>
      </c>
    </row>
    <row r="291" spans="1:6" ht="27" customHeight="1" x14ac:dyDescent="0.45">
      <c r="A291" s="17"/>
      <c r="B291" s="18"/>
      <c r="C291" s="15" t="s">
        <v>111</v>
      </c>
      <c r="D291" s="15" t="s">
        <v>149</v>
      </c>
      <c r="E291" s="15" t="s">
        <v>150</v>
      </c>
      <c r="F291" s="16">
        <v>14261610</v>
      </c>
    </row>
    <row r="292" spans="1:6" ht="27" customHeight="1" x14ac:dyDescent="0.45">
      <c r="A292" s="17"/>
      <c r="B292" s="18"/>
      <c r="C292" s="15" t="s">
        <v>111</v>
      </c>
      <c r="D292" s="15" t="s">
        <v>149</v>
      </c>
      <c r="E292" s="15" t="s">
        <v>150</v>
      </c>
      <c r="F292" s="16">
        <v>13523716</v>
      </c>
    </row>
    <row r="293" spans="1:6" ht="27" customHeight="1" x14ac:dyDescent="0.45">
      <c r="A293" s="17"/>
      <c r="B293" s="18"/>
      <c r="C293" s="15" t="s">
        <v>111</v>
      </c>
      <c r="D293" s="15" t="s">
        <v>149</v>
      </c>
      <c r="E293" s="15" t="s">
        <v>150</v>
      </c>
      <c r="F293" s="16">
        <v>13063189</v>
      </c>
    </row>
    <row r="294" spans="1:6" ht="27" customHeight="1" x14ac:dyDescent="0.45">
      <c r="A294" s="17"/>
      <c r="B294" s="18"/>
      <c r="C294" s="15" t="s">
        <v>111</v>
      </c>
      <c r="D294" s="15" t="s">
        <v>149</v>
      </c>
      <c r="E294" s="15" t="s">
        <v>150</v>
      </c>
      <c r="F294" s="16">
        <v>12847828</v>
      </c>
    </row>
    <row r="295" spans="1:6" ht="27" customHeight="1" x14ac:dyDescent="0.45">
      <c r="A295" s="21"/>
      <c r="B295" s="22"/>
      <c r="C295" s="32" t="s">
        <v>111</v>
      </c>
      <c r="D295" s="15" t="s">
        <v>149</v>
      </c>
      <c r="E295" s="15" t="s">
        <v>150</v>
      </c>
      <c r="F295" s="16">
        <v>12650542</v>
      </c>
    </row>
    <row r="296" spans="1:6" ht="27" customHeight="1" x14ac:dyDescent="0.45">
      <c r="A296" s="31"/>
      <c r="B296" s="14"/>
      <c r="C296" s="32" t="s">
        <v>111</v>
      </c>
      <c r="D296" s="15" t="s">
        <v>149</v>
      </c>
      <c r="E296" s="15" t="s">
        <v>150</v>
      </c>
      <c r="F296" s="16">
        <v>12503431</v>
      </c>
    </row>
    <row r="297" spans="1:6" ht="27" customHeight="1" x14ac:dyDescent="0.45">
      <c r="A297" s="17"/>
      <c r="B297" s="18"/>
      <c r="C297" s="15" t="s">
        <v>111</v>
      </c>
      <c r="D297" s="15" t="s">
        <v>149</v>
      </c>
      <c r="E297" s="15" t="s">
        <v>150</v>
      </c>
      <c r="F297" s="16">
        <v>12487955</v>
      </c>
    </row>
    <row r="298" spans="1:6" ht="27" customHeight="1" x14ac:dyDescent="0.45">
      <c r="A298" s="17"/>
      <c r="B298" s="18"/>
      <c r="C298" s="15" t="s">
        <v>111</v>
      </c>
      <c r="D298" s="15" t="s">
        <v>149</v>
      </c>
      <c r="E298" s="15" t="s">
        <v>150</v>
      </c>
      <c r="F298" s="16">
        <v>12472265</v>
      </c>
    </row>
    <row r="299" spans="1:6" ht="27" customHeight="1" x14ac:dyDescent="0.45">
      <c r="A299" s="17"/>
      <c r="B299" s="18"/>
      <c r="C299" s="15" t="s">
        <v>111</v>
      </c>
      <c r="D299" s="15" t="s">
        <v>149</v>
      </c>
      <c r="E299" s="15" t="s">
        <v>150</v>
      </c>
      <c r="F299" s="16">
        <v>12174274</v>
      </c>
    </row>
    <row r="300" spans="1:6" ht="27" customHeight="1" x14ac:dyDescent="0.45">
      <c r="A300" s="17"/>
      <c r="B300" s="18"/>
      <c r="C300" s="15" t="s">
        <v>111</v>
      </c>
      <c r="D300" s="15" t="s">
        <v>149</v>
      </c>
      <c r="E300" s="15" t="s">
        <v>150</v>
      </c>
      <c r="F300" s="16">
        <v>12110096</v>
      </c>
    </row>
    <row r="301" spans="1:6" ht="27" customHeight="1" x14ac:dyDescent="0.45">
      <c r="A301" s="17"/>
      <c r="B301" s="18"/>
      <c r="C301" s="15" t="s">
        <v>111</v>
      </c>
      <c r="D301" s="15" t="s">
        <v>149</v>
      </c>
      <c r="E301" s="15" t="s">
        <v>150</v>
      </c>
      <c r="F301" s="16">
        <v>11731679</v>
      </c>
    </row>
    <row r="302" spans="1:6" ht="27" customHeight="1" x14ac:dyDescent="0.45">
      <c r="A302" s="17"/>
      <c r="B302" s="18"/>
      <c r="C302" s="15" t="s">
        <v>111</v>
      </c>
      <c r="D302" s="15" t="s">
        <v>149</v>
      </c>
      <c r="E302" s="15" t="s">
        <v>150</v>
      </c>
      <c r="F302" s="16">
        <v>11534681</v>
      </c>
    </row>
    <row r="303" spans="1:6" ht="27" customHeight="1" x14ac:dyDescent="0.45">
      <c r="A303" s="17"/>
      <c r="B303" s="18"/>
      <c r="C303" s="15" t="s">
        <v>111</v>
      </c>
      <c r="D303" s="15" t="s">
        <v>149</v>
      </c>
      <c r="E303" s="15" t="s">
        <v>150</v>
      </c>
      <c r="F303" s="16">
        <v>11478935</v>
      </c>
    </row>
    <row r="304" spans="1:6" ht="27" customHeight="1" x14ac:dyDescent="0.45">
      <c r="A304" s="17"/>
      <c r="B304" s="18"/>
      <c r="C304" s="15" t="s">
        <v>111</v>
      </c>
      <c r="D304" s="15" t="s">
        <v>149</v>
      </c>
      <c r="E304" s="15" t="s">
        <v>150</v>
      </c>
      <c r="F304" s="16">
        <v>10555377</v>
      </c>
    </row>
    <row r="305" spans="1:6" ht="27" customHeight="1" x14ac:dyDescent="0.45">
      <c r="A305" s="17"/>
      <c r="B305" s="18"/>
      <c r="C305" s="32" t="s">
        <v>111</v>
      </c>
      <c r="D305" s="15" t="s">
        <v>149</v>
      </c>
      <c r="E305" s="15" t="s">
        <v>150</v>
      </c>
      <c r="F305" s="16">
        <v>10412294</v>
      </c>
    </row>
    <row r="306" spans="1:6" ht="27" customHeight="1" x14ac:dyDescent="0.45">
      <c r="A306" s="17"/>
      <c r="B306" s="18"/>
      <c r="C306" s="32" t="s">
        <v>111</v>
      </c>
      <c r="D306" s="15" t="s">
        <v>149</v>
      </c>
      <c r="E306" s="15" t="s">
        <v>150</v>
      </c>
      <c r="F306" s="16">
        <v>10151736</v>
      </c>
    </row>
    <row r="307" spans="1:6" ht="27" customHeight="1" x14ac:dyDescent="0.45">
      <c r="A307" s="17"/>
      <c r="B307" s="18"/>
      <c r="C307" s="15" t="s">
        <v>111</v>
      </c>
      <c r="D307" s="15" t="s">
        <v>149</v>
      </c>
      <c r="E307" s="15" t="s">
        <v>150</v>
      </c>
      <c r="F307" s="16">
        <v>10088810</v>
      </c>
    </row>
    <row r="308" spans="1:6" ht="27" customHeight="1" x14ac:dyDescent="0.45">
      <c r="A308" s="17"/>
      <c r="B308" s="18"/>
      <c r="C308" s="15" t="s">
        <v>111</v>
      </c>
      <c r="D308" s="15" t="s">
        <v>149</v>
      </c>
      <c r="E308" s="15" t="s">
        <v>150</v>
      </c>
      <c r="F308" s="16">
        <v>10030746</v>
      </c>
    </row>
    <row r="309" spans="1:6" ht="27" customHeight="1" x14ac:dyDescent="0.45">
      <c r="A309" s="17"/>
      <c r="B309" s="18"/>
      <c r="C309" s="15" t="s">
        <v>111</v>
      </c>
      <c r="D309" s="15" t="s">
        <v>149</v>
      </c>
      <c r="E309" s="15" t="s">
        <v>150</v>
      </c>
      <c r="F309" s="16">
        <v>9937181</v>
      </c>
    </row>
    <row r="310" spans="1:6" ht="27" customHeight="1" x14ac:dyDescent="0.45">
      <c r="A310" s="17"/>
      <c r="B310" s="18"/>
      <c r="C310" s="15" t="s">
        <v>111</v>
      </c>
      <c r="D310" s="15" t="s">
        <v>149</v>
      </c>
      <c r="E310" s="15" t="s">
        <v>150</v>
      </c>
      <c r="F310" s="16">
        <v>9891159</v>
      </c>
    </row>
    <row r="311" spans="1:6" ht="27" customHeight="1" x14ac:dyDescent="0.45">
      <c r="A311" s="17"/>
      <c r="B311" s="18"/>
      <c r="C311" s="15" t="s">
        <v>111</v>
      </c>
      <c r="D311" s="15" t="s">
        <v>149</v>
      </c>
      <c r="E311" s="15" t="s">
        <v>150</v>
      </c>
      <c r="F311" s="16">
        <v>9528073</v>
      </c>
    </row>
    <row r="312" spans="1:6" ht="27" customHeight="1" x14ac:dyDescent="0.45">
      <c r="A312" s="17"/>
      <c r="B312" s="18"/>
      <c r="C312" s="15" t="s">
        <v>111</v>
      </c>
      <c r="D312" s="15" t="s">
        <v>149</v>
      </c>
      <c r="E312" s="15" t="s">
        <v>150</v>
      </c>
      <c r="F312" s="16">
        <v>9459486</v>
      </c>
    </row>
    <row r="313" spans="1:6" ht="27" customHeight="1" x14ac:dyDescent="0.45">
      <c r="A313" s="17"/>
      <c r="B313" s="18"/>
      <c r="C313" s="15" t="s">
        <v>111</v>
      </c>
      <c r="D313" s="15" t="s">
        <v>149</v>
      </c>
      <c r="E313" s="15" t="s">
        <v>150</v>
      </c>
      <c r="F313" s="16">
        <v>9391749</v>
      </c>
    </row>
    <row r="314" spans="1:6" ht="27" customHeight="1" x14ac:dyDescent="0.45">
      <c r="A314" s="17"/>
      <c r="B314" s="18"/>
      <c r="C314" s="15" t="s">
        <v>111</v>
      </c>
      <c r="D314" s="15" t="s">
        <v>149</v>
      </c>
      <c r="E314" s="15" t="s">
        <v>150</v>
      </c>
      <c r="F314" s="16">
        <v>9164730</v>
      </c>
    </row>
    <row r="315" spans="1:6" ht="27" customHeight="1" x14ac:dyDescent="0.45">
      <c r="A315" s="17"/>
      <c r="B315" s="18"/>
      <c r="C315" s="15" t="s">
        <v>111</v>
      </c>
      <c r="D315" s="15" t="s">
        <v>149</v>
      </c>
      <c r="E315" s="15" t="s">
        <v>150</v>
      </c>
      <c r="F315" s="16">
        <v>8710528</v>
      </c>
    </row>
    <row r="316" spans="1:6" ht="27" customHeight="1" x14ac:dyDescent="0.45">
      <c r="A316" s="17"/>
      <c r="B316" s="18"/>
      <c r="C316" s="15" t="s">
        <v>111</v>
      </c>
      <c r="D316" s="15" t="s">
        <v>149</v>
      </c>
      <c r="E316" s="15" t="s">
        <v>150</v>
      </c>
      <c r="F316" s="16">
        <v>2157630</v>
      </c>
    </row>
    <row r="317" spans="1:6" ht="27" customHeight="1" x14ac:dyDescent="0.45">
      <c r="A317" s="17"/>
      <c r="B317" s="18"/>
      <c r="C317" s="15" t="s">
        <v>111</v>
      </c>
      <c r="D317" s="15" t="s">
        <v>149</v>
      </c>
      <c r="E317" s="15" t="s">
        <v>150</v>
      </c>
      <c r="F317" s="16">
        <v>2147878</v>
      </c>
    </row>
    <row r="318" spans="1:6" ht="27" customHeight="1" x14ac:dyDescent="0.45">
      <c r="A318" s="17"/>
      <c r="B318" s="18"/>
      <c r="C318" s="15" t="s">
        <v>111</v>
      </c>
      <c r="D318" s="15" t="s">
        <v>149</v>
      </c>
      <c r="E318" s="15" t="s">
        <v>150</v>
      </c>
      <c r="F318" s="16">
        <v>2084490</v>
      </c>
    </row>
    <row r="319" spans="1:6" ht="27" customHeight="1" x14ac:dyDescent="0.45">
      <c r="A319" s="17"/>
      <c r="B319" s="18"/>
      <c r="C319" s="15" t="s">
        <v>111</v>
      </c>
      <c r="D319" s="15" t="s">
        <v>149</v>
      </c>
      <c r="E319" s="15" t="s">
        <v>150</v>
      </c>
      <c r="F319" s="16">
        <v>2062548</v>
      </c>
    </row>
    <row r="320" spans="1:6" ht="27" customHeight="1" x14ac:dyDescent="0.45">
      <c r="A320" s="17"/>
      <c r="B320" s="18"/>
      <c r="C320" s="15" t="s">
        <v>111</v>
      </c>
      <c r="D320" s="15" t="s">
        <v>149</v>
      </c>
      <c r="E320" s="15" t="s">
        <v>150</v>
      </c>
      <c r="F320" s="16">
        <v>2055234</v>
      </c>
    </row>
    <row r="321" spans="1:6" ht="27" customHeight="1" x14ac:dyDescent="0.45">
      <c r="A321" s="17"/>
      <c r="B321" s="18"/>
      <c r="C321" s="15" t="s">
        <v>111</v>
      </c>
      <c r="D321" s="15" t="s">
        <v>149</v>
      </c>
      <c r="E321" s="15" t="s">
        <v>150</v>
      </c>
      <c r="F321" s="16">
        <v>2045482</v>
      </c>
    </row>
    <row r="322" spans="1:6" ht="27" customHeight="1" x14ac:dyDescent="0.45">
      <c r="A322" s="17"/>
      <c r="B322" s="18"/>
      <c r="C322" s="15" t="s">
        <v>111</v>
      </c>
      <c r="D322" s="15" t="s">
        <v>149</v>
      </c>
      <c r="E322" s="15" t="s">
        <v>150</v>
      </c>
      <c r="F322" s="16">
        <v>2011350</v>
      </c>
    </row>
    <row r="323" spans="1:6" ht="27" customHeight="1" x14ac:dyDescent="0.45">
      <c r="A323" s="17"/>
      <c r="B323" s="18"/>
      <c r="C323" s="15" t="s">
        <v>111</v>
      </c>
      <c r="D323" s="15" t="s">
        <v>149</v>
      </c>
      <c r="E323" s="15" t="s">
        <v>150</v>
      </c>
      <c r="F323" s="16">
        <v>2006474</v>
      </c>
    </row>
    <row r="324" spans="1:6" ht="27" customHeight="1" x14ac:dyDescent="0.45">
      <c r="A324" s="17"/>
      <c r="B324" s="18"/>
      <c r="C324" s="15" t="s">
        <v>111</v>
      </c>
      <c r="D324" s="15" t="s">
        <v>149</v>
      </c>
      <c r="E324" s="15" t="s">
        <v>150</v>
      </c>
      <c r="F324" s="16">
        <v>1957714</v>
      </c>
    </row>
    <row r="325" spans="1:6" ht="27" customHeight="1" x14ac:dyDescent="0.45">
      <c r="A325" s="17"/>
      <c r="B325" s="18"/>
      <c r="C325" s="15" t="s">
        <v>111</v>
      </c>
      <c r="D325" s="15" t="s">
        <v>149</v>
      </c>
      <c r="E325" s="15" t="s">
        <v>150</v>
      </c>
      <c r="F325" s="16">
        <v>1947962</v>
      </c>
    </row>
    <row r="326" spans="1:6" ht="27" customHeight="1" x14ac:dyDescent="0.45">
      <c r="A326" s="17"/>
      <c r="B326" s="18"/>
      <c r="C326" s="15" t="s">
        <v>111</v>
      </c>
      <c r="D326" s="15" t="s">
        <v>149</v>
      </c>
      <c r="E326" s="15" t="s">
        <v>150</v>
      </c>
      <c r="F326" s="16">
        <v>1923582</v>
      </c>
    </row>
    <row r="327" spans="1:6" ht="27" customHeight="1" x14ac:dyDescent="0.45">
      <c r="A327" s="17"/>
      <c r="B327" s="18"/>
      <c r="C327" s="15" t="s">
        <v>111</v>
      </c>
      <c r="D327" s="15" t="s">
        <v>149</v>
      </c>
      <c r="E327" s="15" t="s">
        <v>150</v>
      </c>
      <c r="F327" s="16">
        <v>1908954</v>
      </c>
    </row>
    <row r="328" spans="1:6" ht="27" customHeight="1" x14ac:dyDescent="0.45">
      <c r="A328" s="17"/>
      <c r="B328" s="18"/>
      <c r="C328" s="15" t="s">
        <v>111</v>
      </c>
      <c r="D328" s="15" t="s">
        <v>149</v>
      </c>
      <c r="E328" s="15" t="s">
        <v>150</v>
      </c>
      <c r="F328" s="16">
        <v>1878795</v>
      </c>
    </row>
    <row r="329" spans="1:6" ht="27" customHeight="1" x14ac:dyDescent="0.45">
      <c r="A329" s="17"/>
      <c r="B329" s="18"/>
      <c r="C329" s="15" t="s">
        <v>111</v>
      </c>
      <c r="D329" s="15" t="s">
        <v>149</v>
      </c>
      <c r="E329" s="15" t="s">
        <v>150</v>
      </c>
      <c r="F329" s="16">
        <v>1680843</v>
      </c>
    </row>
    <row r="330" spans="1:6" ht="27" customHeight="1" x14ac:dyDescent="0.45">
      <c r="A330" s="17"/>
      <c r="B330" s="18"/>
      <c r="C330" s="15" t="s">
        <v>111</v>
      </c>
      <c r="D330" s="15" t="s">
        <v>149</v>
      </c>
      <c r="E330" s="15" t="s">
        <v>150</v>
      </c>
      <c r="F330" s="16">
        <v>1653530</v>
      </c>
    </row>
    <row r="331" spans="1:6" ht="27" customHeight="1" x14ac:dyDescent="0.45">
      <c r="A331" s="17"/>
      <c r="B331" s="18"/>
      <c r="C331" s="15" t="s">
        <v>111</v>
      </c>
      <c r="D331" s="15" t="s">
        <v>149</v>
      </c>
      <c r="E331" s="15" t="s">
        <v>150</v>
      </c>
      <c r="F331" s="16">
        <v>1584259</v>
      </c>
    </row>
    <row r="332" spans="1:6" ht="27" customHeight="1" x14ac:dyDescent="0.45">
      <c r="A332" s="21"/>
      <c r="B332" s="22"/>
      <c r="C332" s="32" t="s">
        <v>111</v>
      </c>
      <c r="D332" s="15" t="s">
        <v>149</v>
      </c>
      <c r="E332" s="15" t="s">
        <v>150</v>
      </c>
      <c r="F332" s="16">
        <v>1580695</v>
      </c>
    </row>
    <row r="333" spans="1:6" ht="27" customHeight="1" x14ac:dyDescent="0.45">
      <c r="A333" s="31"/>
      <c r="B333" s="14"/>
      <c r="C333" s="32" t="s">
        <v>111</v>
      </c>
      <c r="D333" s="15" t="s">
        <v>149</v>
      </c>
      <c r="E333" s="15" t="s">
        <v>150</v>
      </c>
      <c r="F333" s="16">
        <v>1541169</v>
      </c>
    </row>
    <row r="334" spans="1:6" ht="27" customHeight="1" x14ac:dyDescent="0.45">
      <c r="A334" s="17"/>
      <c r="B334" s="18"/>
      <c r="C334" s="15" t="s">
        <v>111</v>
      </c>
      <c r="D334" s="15" t="s">
        <v>149</v>
      </c>
      <c r="E334" s="15" t="s">
        <v>150</v>
      </c>
      <c r="F334" s="16">
        <v>1488960</v>
      </c>
    </row>
    <row r="335" spans="1:6" ht="27" customHeight="1" x14ac:dyDescent="0.45">
      <c r="A335" s="17"/>
      <c r="B335" s="18"/>
      <c r="C335" s="15" t="s">
        <v>111</v>
      </c>
      <c r="D335" s="15" t="s">
        <v>149</v>
      </c>
      <c r="E335" s="15" t="s">
        <v>150</v>
      </c>
      <c r="F335" s="16">
        <v>1445069</v>
      </c>
    </row>
    <row r="336" spans="1:6" ht="27" customHeight="1" x14ac:dyDescent="0.45">
      <c r="A336" s="17"/>
      <c r="B336" s="18"/>
      <c r="C336" s="15" t="s">
        <v>111</v>
      </c>
      <c r="D336" s="15" t="s">
        <v>149</v>
      </c>
      <c r="E336" s="15" t="s">
        <v>150</v>
      </c>
      <c r="F336" s="16">
        <v>1442883</v>
      </c>
    </row>
    <row r="337" spans="1:6" ht="27" customHeight="1" x14ac:dyDescent="0.45">
      <c r="A337" s="17"/>
      <c r="B337" s="18"/>
      <c r="C337" s="15" t="s">
        <v>111</v>
      </c>
      <c r="D337" s="15" t="s">
        <v>149</v>
      </c>
      <c r="E337" s="15" t="s">
        <v>150</v>
      </c>
      <c r="F337" s="16">
        <v>1417168</v>
      </c>
    </row>
    <row r="338" spans="1:6" ht="27" customHeight="1" x14ac:dyDescent="0.45">
      <c r="A338" s="17"/>
      <c r="B338" s="18"/>
      <c r="C338" s="32" t="s">
        <v>111</v>
      </c>
      <c r="D338" s="15" t="s">
        <v>149</v>
      </c>
      <c r="E338" s="15" t="s">
        <v>150</v>
      </c>
      <c r="F338" s="16">
        <v>1396248</v>
      </c>
    </row>
    <row r="339" spans="1:6" ht="27" customHeight="1" thickBot="1" x14ac:dyDescent="0.5">
      <c r="A339" s="17"/>
      <c r="B339" s="18"/>
      <c r="C339" s="33" t="s">
        <v>111</v>
      </c>
      <c r="D339" s="19" t="s">
        <v>149</v>
      </c>
      <c r="E339" s="19" t="s">
        <v>150</v>
      </c>
      <c r="F339" s="20">
        <v>1378712</v>
      </c>
    </row>
    <row r="340" spans="1:6" ht="27" customHeight="1" thickTop="1" x14ac:dyDescent="0.45">
      <c r="A340" s="21"/>
      <c r="B340" s="22"/>
      <c r="C340" s="23" t="s">
        <v>116</v>
      </c>
      <c r="D340" s="24"/>
      <c r="E340" s="25" t="s">
        <v>186</v>
      </c>
      <c r="F340" s="26">
        <v>907723379</v>
      </c>
    </row>
    <row r="341" spans="1:6" ht="27" customHeight="1" x14ac:dyDescent="0.45">
      <c r="F341" s="3"/>
    </row>
    <row r="342" spans="1:6" ht="27" customHeight="1" x14ac:dyDescent="0.45">
      <c r="A342" s="5" t="s">
        <v>2</v>
      </c>
      <c r="B342" s="5" t="s">
        <v>107</v>
      </c>
      <c r="C342" s="5" t="s">
        <v>108</v>
      </c>
      <c r="D342" s="5" t="s">
        <v>109</v>
      </c>
      <c r="E342" s="5" t="s">
        <v>110</v>
      </c>
      <c r="F342" s="12" t="s">
        <v>5</v>
      </c>
    </row>
    <row r="343" spans="1:6" ht="27" customHeight="1" x14ac:dyDescent="0.45">
      <c r="A343" s="13">
        <v>14</v>
      </c>
      <c r="B343" s="14" t="s">
        <v>19</v>
      </c>
      <c r="C343" s="15" t="s">
        <v>111</v>
      </c>
      <c r="D343" s="15" t="s">
        <v>131</v>
      </c>
      <c r="E343" s="15" t="s">
        <v>187</v>
      </c>
      <c r="F343" s="16">
        <v>280398890</v>
      </c>
    </row>
    <row r="344" spans="1:6" ht="27" customHeight="1" x14ac:dyDescent="0.45">
      <c r="A344" s="17"/>
      <c r="B344" s="18"/>
      <c r="C344" s="15" t="s">
        <v>111</v>
      </c>
      <c r="D344" s="15" t="s">
        <v>131</v>
      </c>
      <c r="E344" s="15" t="s">
        <v>187</v>
      </c>
      <c r="F344" s="16">
        <v>240582783</v>
      </c>
    </row>
    <row r="345" spans="1:6" ht="27" customHeight="1" x14ac:dyDescent="0.45">
      <c r="A345" s="17"/>
      <c r="B345" s="18"/>
      <c r="C345" s="15" t="s">
        <v>111</v>
      </c>
      <c r="D345" s="15" t="s">
        <v>131</v>
      </c>
      <c r="E345" s="15" t="s">
        <v>187</v>
      </c>
      <c r="F345" s="16">
        <v>193603053</v>
      </c>
    </row>
    <row r="346" spans="1:6" ht="27" customHeight="1" x14ac:dyDescent="0.45">
      <c r="A346" s="17"/>
      <c r="B346" s="18"/>
      <c r="C346" s="15" t="s">
        <v>111</v>
      </c>
      <c r="D346" s="15" t="s">
        <v>131</v>
      </c>
      <c r="E346" s="15" t="s">
        <v>187</v>
      </c>
      <c r="F346" s="16">
        <v>36296278</v>
      </c>
    </row>
    <row r="347" spans="1:6" ht="27" customHeight="1" x14ac:dyDescent="0.45">
      <c r="A347" s="17"/>
      <c r="B347" s="18"/>
      <c r="C347" s="15" t="s">
        <v>111</v>
      </c>
      <c r="D347" s="15" t="s">
        <v>131</v>
      </c>
      <c r="E347" s="15" t="s">
        <v>187</v>
      </c>
      <c r="F347" s="16">
        <v>28972484</v>
      </c>
    </row>
    <row r="348" spans="1:6" ht="27" customHeight="1" x14ac:dyDescent="0.45">
      <c r="A348" s="17"/>
      <c r="B348" s="18"/>
      <c r="C348" s="15" t="s">
        <v>111</v>
      </c>
      <c r="D348" s="15" t="s">
        <v>131</v>
      </c>
      <c r="E348" s="15" t="s">
        <v>187</v>
      </c>
      <c r="F348" s="16">
        <v>27791794</v>
      </c>
    </row>
    <row r="349" spans="1:6" ht="27" customHeight="1" x14ac:dyDescent="0.45">
      <c r="A349" s="17"/>
      <c r="B349" s="18"/>
      <c r="C349" s="15" t="s">
        <v>111</v>
      </c>
      <c r="D349" s="15" t="s">
        <v>131</v>
      </c>
      <c r="E349" s="15" t="s">
        <v>187</v>
      </c>
      <c r="F349" s="16">
        <v>25742632</v>
      </c>
    </row>
    <row r="350" spans="1:6" ht="27" customHeight="1" x14ac:dyDescent="0.45">
      <c r="A350" s="17"/>
      <c r="B350" s="18"/>
      <c r="C350" s="15" t="s">
        <v>111</v>
      </c>
      <c r="D350" s="15" t="s">
        <v>131</v>
      </c>
      <c r="E350" s="15" t="s">
        <v>187</v>
      </c>
      <c r="F350" s="16">
        <v>16118000</v>
      </c>
    </row>
    <row r="351" spans="1:6" ht="27" customHeight="1" x14ac:dyDescent="0.45">
      <c r="A351" s="17"/>
      <c r="B351" s="18"/>
      <c r="C351" s="15" t="s">
        <v>111</v>
      </c>
      <c r="D351" s="15" t="s">
        <v>131</v>
      </c>
      <c r="E351" s="15" t="s">
        <v>187</v>
      </c>
      <c r="F351" s="16">
        <v>6975470</v>
      </c>
    </row>
    <row r="352" spans="1:6" ht="27" customHeight="1" x14ac:dyDescent="0.45">
      <c r="A352" s="17"/>
      <c r="B352" s="18"/>
      <c r="C352" s="15" t="s">
        <v>111</v>
      </c>
      <c r="D352" s="15" t="s">
        <v>131</v>
      </c>
      <c r="E352" s="15" t="s">
        <v>132</v>
      </c>
      <c r="F352" s="16">
        <v>6821000</v>
      </c>
    </row>
    <row r="353" spans="1:6" ht="27" customHeight="1" x14ac:dyDescent="0.45">
      <c r="A353" s="17"/>
      <c r="B353" s="18"/>
      <c r="C353" s="15" t="s">
        <v>111</v>
      </c>
      <c r="D353" s="15" t="s">
        <v>131</v>
      </c>
      <c r="E353" s="15" t="s">
        <v>187</v>
      </c>
      <c r="F353" s="16">
        <v>3683116</v>
      </c>
    </row>
    <row r="354" spans="1:6" ht="27" customHeight="1" x14ac:dyDescent="0.45">
      <c r="A354" s="17"/>
      <c r="B354" s="18"/>
      <c r="C354" s="15" t="s">
        <v>111</v>
      </c>
      <c r="D354" s="15" t="s">
        <v>131</v>
      </c>
      <c r="E354" s="15" t="s">
        <v>187</v>
      </c>
      <c r="F354" s="16">
        <v>3618000</v>
      </c>
    </row>
    <row r="355" spans="1:6" ht="27" customHeight="1" x14ac:dyDescent="0.45">
      <c r="A355" s="17"/>
      <c r="B355" s="18"/>
      <c r="C355" s="15" t="s">
        <v>111</v>
      </c>
      <c r="D355" s="15" t="s">
        <v>131</v>
      </c>
      <c r="E355" s="15" t="s">
        <v>187</v>
      </c>
      <c r="F355" s="16">
        <v>3618000</v>
      </c>
    </row>
    <row r="356" spans="1:6" ht="27" customHeight="1" x14ac:dyDescent="0.45">
      <c r="A356" s="17"/>
      <c r="B356" s="18"/>
      <c r="C356" s="15" t="s">
        <v>111</v>
      </c>
      <c r="D356" s="15" t="s">
        <v>131</v>
      </c>
      <c r="E356" s="15" t="s">
        <v>187</v>
      </c>
      <c r="F356" s="16">
        <v>2839219</v>
      </c>
    </row>
    <row r="357" spans="1:6" ht="27" customHeight="1" x14ac:dyDescent="0.45">
      <c r="A357" s="17"/>
      <c r="B357" s="18"/>
      <c r="C357" s="15" t="s">
        <v>111</v>
      </c>
      <c r="D357" s="15" t="s">
        <v>131</v>
      </c>
      <c r="E357" s="15" t="s">
        <v>187</v>
      </c>
      <c r="F357" s="16">
        <v>2671500</v>
      </c>
    </row>
    <row r="358" spans="1:6" ht="27" customHeight="1" x14ac:dyDescent="0.45">
      <c r="A358" s="17"/>
      <c r="B358" s="18"/>
      <c r="C358" s="15" t="s">
        <v>111</v>
      </c>
      <c r="D358" s="15" t="s">
        <v>131</v>
      </c>
      <c r="E358" s="15" t="s">
        <v>187</v>
      </c>
      <c r="F358" s="16">
        <v>2116700</v>
      </c>
    </row>
    <row r="359" spans="1:6" ht="27" customHeight="1" x14ac:dyDescent="0.45">
      <c r="A359" s="17"/>
      <c r="B359" s="18"/>
      <c r="C359" s="15" t="s">
        <v>111</v>
      </c>
      <c r="D359" s="15" t="s">
        <v>131</v>
      </c>
      <c r="E359" s="15" t="s">
        <v>187</v>
      </c>
      <c r="F359" s="16">
        <v>1374329</v>
      </c>
    </row>
    <row r="360" spans="1:6" ht="27" customHeight="1" x14ac:dyDescent="0.45">
      <c r="A360" s="17"/>
      <c r="B360" s="18"/>
      <c r="C360" s="15" t="s">
        <v>111</v>
      </c>
      <c r="D360" s="15" t="s">
        <v>129</v>
      </c>
      <c r="E360" s="15" t="s">
        <v>188</v>
      </c>
      <c r="F360" s="16">
        <v>699000</v>
      </c>
    </row>
    <row r="361" spans="1:6" ht="27" customHeight="1" x14ac:dyDescent="0.45">
      <c r="A361" s="17"/>
      <c r="B361" s="18"/>
      <c r="C361" s="15" t="s">
        <v>111</v>
      </c>
      <c r="D361" s="15" t="s">
        <v>129</v>
      </c>
      <c r="E361" s="15" t="s">
        <v>188</v>
      </c>
      <c r="F361" s="16">
        <v>699000</v>
      </c>
    </row>
    <row r="362" spans="1:6" ht="27" customHeight="1" x14ac:dyDescent="0.45">
      <c r="A362" s="17"/>
      <c r="B362" s="18"/>
      <c r="C362" s="15" t="s">
        <v>111</v>
      </c>
      <c r="D362" s="15" t="s">
        <v>131</v>
      </c>
      <c r="E362" s="15" t="s">
        <v>139</v>
      </c>
      <c r="F362" s="16">
        <v>642934</v>
      </c>
    </row>
    <row r="363" spans="1:6" ht="27" customHeight="1" x14ac:dyDescent="0.45">
      <c r="A363" s="17"/>
      <c r="B363" s="18"/>
      <c r="C363" s="15" t="s">
        <v>111</v>
      </c>
      <c r="D363" s="15" t="s">
        <v>131</v>
      </c>
      <c r="E363" s="15" t="s">
        <v>139</v>
      </c>
      <c r="F363" s="16">
        <v>628620</v>
      </c>
    </row>
    <row r="364" spans="1:6" ht="27" customHeight="1" x14ac:dyDescent="0.45">
      <c r="A364" s="17"/>
      <c r="B364" s="18"/>
      <c r="C364" s="15" t="s">
        <v>111</v>
      </c>
      <c r="D364" s="15" t="s">
        <v>131</v>
      </c>
      <c r="E364" s="15" t="s">
        <v>135</v>
      </c>
      <c r="F364" s="16">
        <v>491808</v>
      </c>
    </row>
    <row r="365" spans="1:6" ht="27" customHeight="1" x14ac:dyDescent="0.45">
      <c r="A365" s="17"/>
      <c r="B365" s="18"/>
      <c r="C365" s="15" t="s">
        <v>111</v>
      </c>
      <c r="D365" s="15" t="s">
        <v>131</v>
      </c>
      <c r="E365" s="15" t="s">
        <v>139</v>
      </c>
      <c r="F365" s="16">
        <v>482368</v>
      </c>
    </row>
    <row r="366" spans="1:6" ht="27" customHeight="1" x14ac:dyDescent="0.45">
      <c r="A366" s="17"/>
      <c r="B366" s="18"/>
      <c r="C366" s="15" t="s">
        <v>111</v>
      </c>
      <c r="D366" s="15" t="s">
        <v>131</v>
      </c>
      <c r="E366" s="15" t="s">
        <v>139</v>
      </c>
      <c r="F366" s="16">
        <v>457772</v>
      </c>
    </row>
    <row r="367" spans="1:6" ht="27" customHeight="1" x14ac:dyDescent="0.45">
      <c r="A367" s="17"/>
      <c r="B367" s="18"/>
      <c r="C367" s="15" t="s">
        <v>111</v>
      </c>
      <c r="D367" s="15" t="s">
        <v>131</v>
      </c>
      <c r="E367" s="15" t="s">
        <v>187</v>
      </c>
      <c r="F367" s="16">
        <v>447928</v>
      </c>
    </row>
    <row r="368" spans="1:6" ht="27" customHeight="1" x14ac:dyDescent="0.45">
      <c r="A368" s="17"/>
      <c r="B368" s="18"/>
      <c r="C368" s="15" t="s">
        <v>111</v>
      </c>
      <c r="D368" s="15" t="s">
        <v>131</v>
      </c>
      <c r="E368" s="15" t="s">
        <v>136</v>
      </c>
      <c r="F368" s="16">
        <v>444638</v>
      </c>
    </row>
    <row r="369" spans="1:6" ht="27" customHeight="1" x14ac:dyDescent="0.45">
      <c r="A369" s="21"/>
      <c r="B369" s="22"/>
      <c r="C369" s="32" t="s">
        <v>111</v>
      </c>
      <c r="D369" s="15" t="s">
        <v>131</v>
      </c>
      <c r="E369" s="15" t="s">
        <v>132</v>
      </c>
      <c r="F369" s="16">
        <v>400000</v>
      </c>
    </row>
    <row r="370" spans="1:6" ht="27" customHeight="1" x14ac:dyDescent="0.45">
      <c r="A370" s="31"/>
      <c r="B370" s="14"/>
      <c r="C370" s="32" t="s">
        <v>111</v>
      </c>
      <c r="D370" s="15" t="s">
        <v>131</v>
      </c>
      <c r="E370" s="15" t="s">
        <v>139</v>
      </c>
      <c r="F370" s="16">
        <v>387766</v>
      </c>
    </row>
    <row r="371" spans="1:6" ht="27" customHeight="1" x14ac:dyDescent="0.45">
      <c r="A371" s="17"/>
      <c r="B371" s="18"/>
      <c r="C371" s="15" t="s">
        <v>111</v>
      </c>
      <c r="D371" s="15" t="s">
        <v>131</v>
      </c>
      <c r="E371" s="15" t="s">
        <v>139</v>
      </c>
      <c r="F371" s="16">
        <v>383712</v>
      </c>
    </row>
    <row r="372" spans="1:6" ht="27" customHeight="1" x14ac:dyDescent="0.45">
      <c r="A372" s="17"/>
      <c r="B372" s="18"/>
      <c r="C372" s="32" t="s">
        <v>111</v>
      </c>
      <c r="D372" s="15" t="s">
        <v>131</v>
      </c>
      <c r="E372" s="15" t="s">
        <v>139</v>
      </c>
      <c r="F372" s="16">
        <v>328160</v>
      </c>
    </row>
    <row r="373" spans="1:6" ht="27" customHeight="1" x14ac:dyDescent="0.45">
      <c r="A373" s="17"/>
      <c r="B373" s="18"/>
      <c r="C373" s="32" t="s">
        <v>111</v>
      </c>
      <c r="D373" s="15" t="s">
        <v>131</v>
      </c>
      <c r="E373" s="15" t="s">
        <v>136</v>
      </c>
      <c r="F373" s="16">
        <v>277896</v>
      </c>
    </row>
    <row r="374" spans="1:6" ht="27" customHeight="1" x14ac:dyDescent="0.45">
      <c r="A374" s="17"/>
      <c r="B374" s="18"/>
      <c r="C374" s="15" t="s">
        <v>111</v>
      </c>
      <c r="D374" s="15" t="s">
        <v>131</v>
      </c>
      <c r="E374" s="15" t="s">
        <v>139</v>
      </c>
      <c r="F374" s="16">
        <v>277638</v>
      </c>
    </row>
    <row r="375" spans="1:6" ht="27" customHeight="1" x14ac:dyDescent="0.45">
      <c r="A375" s="17"/>
      <c r="B375" s="18"/>
      <c r="C375" s="15" t="s">
        <v>111</v>
      </c>
      <c r="D375" s="15" t="s">
        <v>131</v>
      </c>
      <c r="E375" s="15" t="s">
        <v>136</v>
      </c>
      <c r="F375" s="16">
        <v>255088</v>
      </c>
    </row>
    <row r="376" spans="1:6" ht="27" customHeight="1" x14ac:dyDescent="0.45">
      <c r="A376" s="17"/>
      <c r="B376" s="18"/>
      <c r="C376" s="15" t="s">
        <v>111</v>
      </c>
      <c r="D376" s="15" t="s">
        <v>131</v>
      </c>
      <c r="E376" s="15" t="s">
        <v>139</v>
      </c>
      <c r="F376" s="16">
        <v>249798</v>
      </c>
    </row>
    <row r="377" spans="1:6" ht="27" customHeight="1" x14ac:dyDescent="0.45">
      <c r="A377" s="17"/>
      <c r="B377" s="18"/>
      <c r="C377" s="15" t="s">
        <v>111</v>
      </c>
      <c r="D377" s="15" t="s">
        <v>131</v>
      </c>
      <c r="E377" s="15" t="s">
        <v>135</v>
      </c>
      <c r="F377" s="16">
        <v>243990</v>
      </c>
    </row>
    <row r="378" spans="1:6" ht="27" customHeight="1" x14ac:dyDescent="0.45">
      <c r="A378" s="17"/>
      <c r="B378" s="18"/>
      <c r="C378" s="15" t="s">
        <v>111</v>
      </c>
      <c r="D378" s="15" t="s">
        <v>131</v>
      </c>
      <c r="E378" s="15" t="s">
        <v>189</v>
      </c>
      <c r="F378" s="16">
        <v>240598</v>
      </c>
    </row>
    <row r="379" spans="1:6" ht="27" customHeight="1" x14ac:dyDescent="0.45">
      <c r="A379" s="17"/>
      <c r="B379" s="18"/>
      <c r="C379" s="15" t="s">
        <v>111</v>
      </c>
      <c r="D379" s="15" t="s">
        <v>131</v>
      </c>
      <c r="E379" s="15" t="s">
        <v>139</v>
      </c>
      <c r="F379" s="16">
        <v>236410</v>
      </c>
    </row>
    <row r="380" spans="1:6" ht="27" customHeight="1" x14ac:dyDescent="0.45">
      <c r="A380" s="17"/>
      <c r="B380" s="18"/>
      <c r="C380" s="15" t="s">
        <v>111</v>
      </c>
      <c r="D380" s="15" t="s">
        <v>131</v>
      </c>
      <c r="E380" s="15" t="s">
        <v>139</v>
      </c>
      <c r="F380" s="16">
        <v>235848</v>
      </c>
    </row>
    <row r="381" spans="1:6" ht="27" customHeight="1" x14ac:dyDescent="0.45">
      <c r="A381" s="17"/>
      <c r="B381" s="18"/>
      <c r="C381" s="15" t="s">
        <v>111</v>
      </c>
      <c r="D381" s="15" t="s">
        <v>131</v>
      </c>
      <c r="E381" s="15" t="s">
        <v>136</v>
      </c>
      <c r="F381" s="16">
        <v>235656</v>
      </c>
    </row>
    <row r="382" spans="1:6" ht="27" customHeight="1" x14ac:dyDescent="0.45">
      <c r="A382" s="17"/>
      <c r="B382" s="18"/>
      <c r="C382" s="15" t="s">
        <v>111</v>
      </c>
      <c r="D382" s="15" t="s">
        <v>131</v>
      </c>
      <c r="E382" s="15" t="s">
        <v>136</v>
      </c>
      <c r="F382" s="16">
        <v>233892</v>
      </c>
    </row>
    <row r="383" spans="1:6" ht="27" customHeight="1" x14ac:dyDescent="0.45">
      <c r="A383" s="17"/>
      <c r="B383" s="18"/>
      <c r="C383" s="15" t="s">
        <v>111</v>
      </c>
      <c r="D383" s="15" t="s">
        <v>131</v>
      </c>
      <c r="E383" s="15" t="s">
        <v>139</v>
      </c>
      <c r="F383" s="16">
        <v>228240</v>
      </c>
    </row>
    <row r="384" spans="1:6" ht="27" customHeight="1" x14ac:dyDescent="0.45">
      <c r="A384" s="17"/>
      <c r="B384" s="18"/>
      <c r="C384" s="15" t="s">
        <v>111</v>
      </c>
      <c r="D384" s="15" t="s">
        <v>131</v>
      </c>
      <c r="E384" s="15" t="s">
        <v>139</v>
      </c>
      <c r="F384" s="16">
        <v>220632</v>
      </c>
    </row>
    <row r="385" spans="1:6" ht="27" customHeight="1" x14ac:dyDescent="0.45">
      <c r="A385" s="17"/>
      <c r="B385" s="18"/>
      <c r="C385" s="15" t="s">
        <v>111</v>
      </c>
      <c r="D385" s="15" t="s">
        <v>131</v>
      </c>
      <c r="E385" s="15" t="s">
        <v>136</v>
      </c>
      <c r="F385" s="16">
        <v>212660</v>
      </c>
    </row>
    <row r="386" spans="1:6" ht="27" customHeight="1" x14ac:dyDescent="0.45">
      <c r="A386" s="17"/>
      <c r="B386" s="18"/>
      <c r="C386" s="15" t="s">
        <v>111</v>
      </c>
      <c r="D386" s="15" t="s">
        <v>131</v>
      </c>
      <c r="E386" s="15" t="s">
        <v>187</v>
      </c>
      <c r="F386" s="16">
        <v>210410</v>
      </c>
    </row>
    <row r="387" spans="1:6" ht="27" customHeight="1" x14ac:dyDescent="0.45">
      <c r="A387" s="17"/>
      <c r="B387" s="18"/>
      <c r="C387" s="15" t="s">
        <v>111</v>
      </c>
      <c r="D387" s="15" t="s">
        <v>131</v>
      </c>
      <c r="E387" s="15" t="s">
        <v>187</v>
      </c>
      <c r="F387" s="16">
        <v>199846</v>
      </c>
    </row>
    <row r="388" spans="1:6" ht="27" customHeight="1" x14ac:dyDescent="0.45">
      <c r="A388" s="17"/>
      <c r="B388" s="18"/>
      <c r="C388" s="15" t="s">
        <v>111</v>
      </c>
      <c r="D388" s="15" t="s">
        <v>131</v>
      </c>
      <c r="E388" s="15" t="s">
        <v>187</v>
      </c>
      <c r="F388" s="16">
        <v>197700</v>
      </c>
    </row>
    <row r="389" spans="1:6" ht="27" customHeight="1" x14ac:dyDescent="0.45">
      <c r="A389" s="17"/>
      <c r="B389" s="18"/>
      <c r="C389" s="15" t="s">
        <v>111</v>
      </c>
      <c r="D389" s="15" t="s">
        <v>131</v>
      </c>
      <c r="E389" s="15" t="s">
        <v>187</v>
      </c>
      <c r="F389" s="16">
        <v>192900</v>
      </c>
    </row>
    <row r="390" spans="1:6" ht="27" customHeight="1" x14ac:dyDescent="0.45">
      <c r="A390" s="17"/>
      <c r="B390" s="18"/>
      <c r="C390" s="15" t="s">
        <v>111</v>
      </c>
      <c r="D390" s="15" t="s">
        <v>131</v>
      </c>
      <c r="E390" s="15" t="s">
        <v>135</v>
      </c>
      <c r="F390" s="16">
        <v>189656</v>
      </c>
    </row>
    <row r="391" spans="1:6" ht="27" customHeight="1" x14ac:dyDescent="0.45">
      <c r="A391" s="17"/>
      <c r="B391" s="18"/>
      <c r="C391" s="15" t="s">
        <v>111</v>
      </c>
      <c r="D391" s="15" t="s">
        <v>131</v>
      </c>
      <c r="E391" s="15" t="s">
        <v>135</v>
      </c>
      <c r="F391" s="16">
        <v>177780</v>
      </c>
    </row>
    <row r="392" spans="1:6" ht="27" customHeight="1" x14ac:dyDescent="0.45">
      <c r="A392" s="17"/>
      <c r="B392" s="18"/>
      <c r="C392" s="15" t="s">
        <v>111</v>
      </c>
      <c r="D392" s="15" t="s">
        <v>131</v>
      </c>
      <c r="E392" s="15" t="s">
        <v>187</v>
      </c>
      <c r="F392" s="16">
        <v>172430</v>
      </c>
    </row>
    <row r="393" spans="1:6" ht="27" customHeight="1" x14ac:dyDescent="0.45">
      <c r="A393" s="17"/>
      <c r="B393" s="18"/>
      <c r="C393" s="15" t="s">
        <v>111</v>
      </c>
      <c r="D393" s="15" t="s">
        <v>131</v>
      </c>
      <c r="E393" s="15" t="s">
        <v>136</v>
      </c>
      <c r="F393" s="16">
        <v>169748</v>
      </c>
    </row>
    <row r="394" spans="1:6" ht="27" customHeight="1" x14ac:dyDescent="0.45">
      <c r="A394" s="17"/>
      <c r="B394" s="18"/>
      <c r="C394" s="15" t="s">
        <v>111</v>
      </c>
      <c r="D394" s="15" t="s">
        <v>131</v>
      </c>
      <c r="E394" s="15" t="s">
        <v>135</v>
      </c>
      <c r="F394" s="16">
        <v>162698</v>
      </c>
    </row>
    <row r="395" spans="1:6" ht="27" customHeight="1" x14ac:dyDescent="0.45">
      <c r="A395" s="17"/>
      <c r="B395" s="18"/>
      <c r="C395" s="15" t="s">
        <v>111</v>
      </c>
      <c r="D395" s="15" t="s">
        <v>131</v>
      </c>
      <c r="E395" s="15" t="s">
        <v>189</v>
      </c>
      <c r="F395" s="16">
        <v>158678</v>
      </c>
    </row>
    <row r="396" spans="1:6" ht="27" customHeight="1" x14ac:dyDescent="0.45">
      <c r="A396" s="17"/>
      <c r="B396" s="18"/>
      <c r="C396" s="15" t="s">
        <v>111</v>
      </c>
      <c r="D396" s="15" t="s">
        <v>131</v>
      </c>
      <c r="E396" s="15" t="s">
        <v>135</v>
      </c>
      <c r="F396" s="16">
        <v>150184</v>
      </c>
    </row>
    <row r="397" spans="1:6" ht="27" customHeight="1" x14ac:dyDescent="0.45">
      <c r="A397" s="17"/>
      <c r="B397" s="18"/>
      <c r="C397" s="15" t="s">
        <v>111</v>
      </c>
      <c r="D397" s="15" t="s">
        <v>131</v>
      </c>
      <c r="E397" s="15" t="s">
        <v>187</v>
      </c>
      <c r="F397" s="16">
        <v>148900</v>
      </c>
    </row>
    <row r="398" spans="1:6" ht="27" customHeight="1" x14ac:dyDescent="0.45">
      <c r="A398" s="17"/>
      <c r="B398" s="18"/>
      <c r="C398" s="15" t="s">
        <v>111</v>
      </c>
      <c r="D398" s="15" t="s">
        <v>131</v>
      </c>
      <c r="E398" s="15" t="s">
        <v>135</v>
      </c>
      <c r="F398" s="16">
        <v>145988</v>
      </c>
    </row>
    <row r="399" spans="1:6" ht="27" customHeight="1" x14ac:dyDescent="0.45">
      <c r="A399" s="17"/>
      <c r="B399" s="18"/>
      <c r="C399" s="15" t="s">
        <v>111</v>
      </c>
      <c r="D399" s="15" t="s">
        <v>131</v>
      </c>
      <c r="E399" s="15" t="s">
        <v>135</v>
      </c>
      <c r="F399" s="16">
        <v>145018</v>
      </c>
    </row>
    <row r="400" spans="1:6" ht="27" customHeight="1" x14ac:dyDescent="0.45">
      <c r="A400" s="17"/>
      <c r="B400" s="18"/>
      <c r="C400" s="15" t="s">
        <v>111</v>
      </c>
      <c r="D400" s="15" t="s">
        <v>131</v>
      </c>
      <c r="E400" s="15" t="s">
        <v>135</v>
      </c>
      <c r="F400" s="16">
        <v>142340</v>
      </c>
    </row>
    <row r="401" spans="1:6" ht="27" customHeight="1" x14ac:dyDescent="0.45">
      <c r="A401" s="17"/>
      <c r="B401" s="18"/>
      <c r="C401" s="15" t="s">
        <v>111</v>
      </c>
      <c r="D401" s="15" t="s">
        <v>131</v>
      </c>
      <c r="E401" s="15" t="s">
        <v>135</v>
      </c>
      <c r="F401" s="16">
        <v>131542</v>
      </c>
    </row>
    <row r="402" spans="1:6" ht="27" customHeight="1" x14ac:dyDescent="0.45">
      <c r="A402" s="17"/>
      <c r="B402" s="18"/>
      <c r="C402" s="15" t="s">
        <v>111</v>
      </c>
      <c r="D402" s="15" t="s">
        <v>131</v>
      </c>
      <c r="E402" s="15" t="s">
        <v>187</v>
      </c>
      <c r="F402" s="16">
        <v>122600</v>
      </c>
    </row>
    <row r="403" spans="1:6" ht="27" customHeight="1" x14ac:dyDescent="0.45">
      <c r="A403" s="17"/>
      <c r="B403" s="18"/>
      <c r="C403" s="15" t="s">
        <v>111</v>
      </c>
      <c r="D403" s="15" t="s">
        <v>131</v>
      </c>
      <c r="E403" s="15" t="s">
        <v>187</v>
      </c>
      <c r="F403" s="16">
        <v>121090</v>
      </c>
    </row>
    <row r="404" spans="1:6" ht="27" customHeight="1" x14ac:dyDescent="0.45">
      <c r="A404" s="17"/>
      <c r="B404" s="18"/>
      <c r="C404" s="15" t="s">
        <v>111</v>
      </c>
      <c r="D404" s="15" t="s">
        <v>131</v>
      </c>
      <c r="E404" s="15" t="s">
        <v>187</v>
      </c>
      <c r="F404" s="16">
        <v>114600</v>
      </c>
    </row>
    <row r="405" spans="1:6" ht="27" customHeight="1" x14ac:dyDescent="0.45">
      <c r="A405" s="17"/>
      <c r="B405" s="18"/>
      <c r="C405" s="15" t="s">
        <v>111</v>
      </c>
      <c r="D405" s="15" t="s">
        <v>131</v>
      </c>
      <c r="E405" s="15" t="s">
        <v>133</v>
      </c>
      <c r="F405" s="16">
        <v>111672</v>
      </c>
    </row>
    <row r="406" spans="1:6" ht="27" customHeight="1" x14ac:dyDescent="0.45">
      <c r="A406" s="21"/>
      <c r="B406" s="22"/>
      <c r="C406" s="15" t="s">
        <v>111</v>
      </c>
      <c r="D406" s="15" t="s">
        <v>131</v>
      </c>
      <c r="E406" s="15" t="s">
        <v>187</v>
      </c>
      <c r="F406" s="16">
        <v>108000</v>
      </c>
    </row>
    <row r="407" spans="1:6" ht="27" customHeight="1" x14ac:dyDescent="0.45">
      <c r="A407" s="31"/>
      <c r="B407" s="14"/>
      <c r="C407" s="15" t="s">
        <v>111</v>
      </c>
      <c r="D407" s="15" t="s">
        <v>131</v>
      </c>
      <c r="E407" s="15" t="s">
        <v>187</v>
      </c>
      <c r="F407" s="16">
        <v>93300</v>
      </c>
    </row>
    <row r="408" spans="1:6" ht="27" customHeight="1" x14ac:dyDescent="0.45">
      <c r="A408" s="17"/>
      <c r="B408" s="18"/>
      <c r="C408" s="15" t="s">
        <v>111</v>
      </c>
      <c r="D408" s="15" t="s">
        <v>131</v>
      </c>
      <c r="E408" s="15" t="s">
        <v>187</v>
      </c>
      <c r="F408" s="16">
        <v>93300</v>
      </c>
    </row>
    <row r="409" spans="1:6" ht="27" customHeight="1" x14ac:dyDescent="0.45">
      <c r="A409" s="17"/>
      <c r="B409" s="18"/>
      <c r="C409" s="15" t="s">
        <v>111</v>
      </c>
      <c r="D409" s="15" t="s">
        <v>131</v>
      </c>
      <c r="E409" s="15" t="s">
        <v>187</v>
      </c>
      <c r="F409" s="16">
        <v>92900</v>
      </c>
    </row>
    <row r="410" spans="1:6" ht="27" customHeight="1" x14ac:dyDescent="0.45">
      <c r="A410" s="17"/>
      <c r="B410" s="18"/>
      <c r="C410" s="15" t="s">
        <v>111</v>
      </c>
      <c r="D410" s="15" t="s">
        <v>131</v>
      </c>
      <c r="E410" s="15" t="s">
        <v>136</v>
      </c>
      <c r="F410" s="16">
        <v>92100</v>
      </c>
    </row>
    <row r="411" spans="1:6" ht="27" customHeight="1" x14ac:dyDescent="0.45">
      <c r="A411" s="17"/>
      <c r="B411" s="18"/>
      <c r="C411" s="15" t="s">
        <v>111</v>
      </c>
      <c r="D411" s="15" t="s">
        <v>131</v>
      </c>
      <c r="E411" s="15" t="s">
        <v>133</v>
      </c>
      <c r="F411" s="16">
        <v>78140</v>
      </c>
    </row>
    <row r="412" spans="1:6" ht="27" customHeight="1" x14ac:dyDescent="0.45">
      <c r="A412" s="17"/>
      <c r="B412" s="18"/>
      <c r="C412" s="15" t="s">
        <v>111</v>
      </c>
      <c r="D412" s="15" t="s">
        <v>131</v>
      </c>
      <c r="E412" s="15" t="s">
        <v>135</v>
      </c>
      <c r="F412" s="16">
        <v>71112</v>
      </c>
    </row>
    <row r="413" spans="1:6" ht="27" customHeight="1" x14ac:dyDescent="0.45">
      <c r="A413" s="17"/>
      <c r="B413" s="18"/>
      <c r="C413" s="15" t="s">
        <v>111</v>
      </c>
      <c r="D413" s="15" t="s">
        <v>131</v>
      </c>
      <c r="E413" s="15" t="s">
        <v>136</v>
      </c>
      <c r="F413" s="16">
        <v>68832</v>
      </c>
    </row>
    <row r="414" spans="1:6" ht="27" customHeight="1" x14ac:dyDescent="0.45">
      <c r="A414" s="17"/>
      <c r="B414" s="18"/>
      <c r="C414" s="15" t="s">
        <v>111</v>
      </c>
      <c r="D414" s="15" t="s">
        <v>131</v>
      </c>
      <c r="E414" s="15" t="s">
        <v>189</v>
      </c>
      <c r="F414" s="16">
        <v>66130</v>
      </c>
    </row>
    <row r="415" spans="1:6" ht="27" customHeight="1" x14ac:dyDescent="0.45">
      <c r="A415" s="17"/>
      <c r="B415" s="18"/>
      <c r="C415" s="15" t="s">
        <v>111</v>
      </c>
      <c r="D415" s="15" t="s">
        <v>131</v>
      </c>
      <c r="E415" s="15" t="s">
        <v>135</v>
      </c>
      <c r="F415" s="16">
        <v>65388</v>
      </c>
    </row>
    <row r="416" spans="1:6" ht="27" customHeight="1" x14ac:dyDescent="0.45">
      <c r="A416" s="17"/>
      <c r="B416" s="18"/>
      <c r="C416" s="15" t="s">
        <v>111</v>
      </c>
      <c r="D416" s="15" t="s">
        <v>131</v>
      </c>
      <c r="E416" s="15" t="s">
        <v>133</v>
      </c>
      <c r="F416" s="16">
        <v>64152</v>
      </c>
    </row>
    <row r="417" spans="1:6" ht="27" customHeight="1" x14ac:dyDescent="0.45">
      <c r="A417" s="17"/>
      <c r="B417" s="18"/>
      <c r="C417" s="15" t="s">
        <v>111</v>
      </c>
      <c r="D417" s="15" t="s">
        <v>131</v>
      </c>
      <c r="E417" s="15" t="s">
        <v>189</v>
      </c>
      <c r="F417" s="16">
        <v>60800</v>
      </c>
    </row>
    <row r="418" spans="1:6" ht="27" customHeight="1" x14ac:dyDescent="0.45">
      <c r="A418" s="17"/>
      <c r="B418" s="18"/>
      <c r="C418" s="15" t="s">
        <v>111</v>
      </c>
      <c r="D418" s="15" t="s">
        <v>131</v>
      </c>
      <c r="E418" s="15" t="s">
        <v>189</v>
      </c>
      <c r="F418" s="16">
        <v>60798</v>
      </c>
    </row>
    <row r="419" spans="1:6" ht="27" customHeight="1" x14ac:dyDescent="0.45">
      <c r="A419" s="17"/>
      <c r="B419" s="18"/>
      <c r="C419" s="15" t="s">
        <v>111</v>
      </c>
      <c r="D419" s="15" t="s">
        <v>131</v>
      </c>
      <c r="E419" s="15" t="s">
        <v>189</v>
      </c>
      <c r="F419" s="16">
        <v>58598</v>
      </c>
    </row>
    <row r="420" spans="1:6" ht="27" customHeight="1" x14ac:dyDescent="0.45">
      <c r="A420" s="17"/>
      <c r="B420" s="18"/>
      <c r="C420" s="15" t="s">
        <v>111</v>
      </c>
      <c r="D420" s="15" t="s">
        <v>131</v>
      </c>
      <c r="E420" s="15" t="s">
        <v>139</v>
      </c>
      <c r="F420" s="16">
        <v>57500</v>
      </c>
    </row>
    <row r="421" spans="1:6" ht="27" customHeight="1" x14ac:dyDescent="0.45">
      <c r="A421" s="17"/>
      <c r="B421" s="18"/>
      <c r="C421" s="15" t="s">
        <v>111</v>
      </c>
      <c r="D421" s="15" t="s">
        <v>131</v>
      </c>
      <c r="E421" s="15" t="s">
        <v>187</v>
      </c>
      <c r="F421" s="16">
        <v>57200</v>
      </c>
    </row>
    <row r="422" spans="1:6" ht="27" customHeight="1" x14ac:dyDescent="0.45">
      <c r="A422" s="17"/>
      <c r="B422" s="18"/>
      <c r="C422" s="15" t="s">
        <v>111</v>
      </c>
      <c r="D422" s="15" t="s">
        <v>131</v>
      </c>
      <c r="E422" s="15" t="s">
        <v>136</v>
      </c>
      <c r="F422" s="16">
        <v>56536</v>
      </c>
    </row>
    <row r="423" spans="1:6" ht="27" customHeight="1" x14ac:dyDescent="0.45">
      <c r="A423" s="17"/>
      <c r="B423" s="18"/>
      <c r="C423" s="15" t="s">
        <v>111</v>
      </c>
      <c r="D423" s="15" t="s">
        <v>131</v>
      </c>
      <c r="E423" s="15" t="s">
        <v>189</v>
      </c>
      <c r="F423" s="16">
        <v>56398</v>
      </c>
    </row>
    <row r="424" spans="1:6" ht="27" customHeight="1" x14ac:dyDescent="0.45">
      <c r="A424" s="17"/>
      <c r="B424" s="18"/>
      <c r="C424" s="15" t="s">
        <v>111</v>
      </c>
      <c r="D424" s="15" t="s">
        <v>131</v>
      </c>
      <c r="E424" s="15" t="s">
        <v>189</v>
      </c>
      <c r="F424" s="16">
        <v>54188</v>
      </c>
    </row>
    <row r="425" spans="1:6" ht="27" customHeight="1" x14ac:dyDescent="0.45">
      <c r="A425" s="17"/>
      <c r="B425" s="18"/>
      <c r="C425" s="15" t="s">
        <v>111</v>
      </c>
      <c r="D425" s="15" t="s">
        <v>131</v>
      </c>
      <c r="E425" s="15" t="s">
        <v>189</v>
      </c>
      <c r="F425" s="16">
        <v>54188</v>
      </c>
    </row>
    <row r="426" spans="1:6" ht="27" customHeight="1" x14ac:dyDescent="0.45">
      <c r="A426" s="17"/>
      <c r="B426" s="18"/>
      <c r="C426" s="15" t="s">
        <v>111</v>
      </c>
      <c r="D426" s="15" t="s">
        <v>131</v>
      </c>
      <c r="E426" s="15" t="s">
        <v>189</v>
      </c>
      <c r="F426" s="16">
        <v>54188</v>
      </c>
    </row>
    <row r="427" spans="1:6" ht="27" customHeight="1" x14ac:dyDescent="0.45">
      <c r="A427" s="17"/>
      <c r="B427" s="18"/>
      <c r="C427" s="15" t="s">
        <v>111</v>
      </c>
      <c r="D427" s="15" t="s">
        <v>131</v>
      </c>
      <c r="E427" s="15" t="s">
        <v>189</v>
      </c>
      <c r="F427" s="16">
        <v>52440</v>
      </c>
    </row>
    <row r="428" spans="1:6" ht="27" customHeight="1" x14ac:dyDescent="0.45">
      <c r="A428" s="17"/>
      <c r="B428" s="18"/>
      <c r="C428" s="15" t="s">
        <v>111</v>
      </c>
      <c r="D428" s="15" t="s">
        <v>131</v>
      </c>
      <c r="E428" s="15" t="s">
        <v>189</v>
      </c>
      <c r="F428" s="16">
        <v>52440</v>
      </c>
    </row>
    <row r="429" spans="1:6" ht="27" customHeight="1" x14ac:dyDescent="0.45">
      <c r="A429" s="17"/>
      <c r="B429" s="18"/>
      <c r="C429" s="15" t="s">
        <v>111</v>
      </c>
      <c r="D429" s="15" t="s">
        <v>131</v>
      </c>
      <c r="E429" s="15" t="s">
        <v>136</v>
      </c>
      <c r="F429" s="16">
        <v>51248</v>
      </c>
    </row>
    <row r="430" spans="1:6" ht="27" customHeight="1" x14ac:dyDescent="0.45">
      <c r="A430" s="17"/>
      <c r="B430" s="18"/>
      <c r="C430" s="15" t="s">
        <v>111</v>
      </c>
      <c r="D430" s="15" t="s">
        <v>131</v>
      </c>
      <c r="E430" s="15" t="s">
        <v>135</v>
      </c>
      <c r="F430" s="16">
        <v>50200</v>
      </c>
    </row>
    <row r="431" spans="1:6" ht="27" customHeight="1" x14ac:dyDescent="0.45">
      <c r="A431" s="17"/>
      <c r="B431" s="18"/>
      <c r="C431" s="15" t="s">
        <v>111</v>
      </c>
      <c r="D431" s="15" t="s">
        <v>131</v>
      </c>
      <c r="E431" s="15" t="s">
        <v>136</v>
      </c>
      <c r="F431" s="16">
        <v>49146</v>
      </c>
    </row>
    <row r="432" spans="1:6" ht="27" customHeight="1" x14ac:dyDescent="0.45">
      <c r="A432" s="17"/>
      <c r="B432" s="18"/>
      <c r="C432" s="15" t="s">
        <v>111</v>
      </c>
      <c r="D432" s="15" t="s">
        <v>131</v>
      </c>
      <c r="E432" s="15" t="s">
        <v>135</v>
      </c>
      <c r="F432" s="16">
        <v>35940</v>
      </c>
    </row>
    <row r="433" spans="1:6" ht="27" customHeight="1" x14ac:dyDescent="0.45">
      <c r="A433" s="17"/>
      <c r="B433" s="18"/>
      <c r="C433" s="15" t="s">
        <v>111</v>
      </c>
      <c r="D433" s="15" t="s">
        <v>131</v>
      </c>
      <c r="E433" s="15" t="s">
        <v>139</v>
      </c>
      <c r="F433" s="16">
        <v>35000</v>
      </c>
    </row>
    <row r="434" spans="1:6" ht="27" customHeight="1" x14ac:dyDescent="0.45">
      <c r="A434" s="17"/>
      <c r="B434" s="18"/>
      <c r="C434" s="15" t="s">
        <v>111</v>
      </c>
      <c r="D434" s="15" t="s">
        <v>131</v>
      </c>
      <c r="E434" s="15" t="s">
        <v>133</v>
      </c>
      <c r="F434" s="16">
        <v>32992</v>
      </c>
    </row>
    <row r="435" spans="1:6" ht="27" customHeight="1" x14ac:dyDescent="0.45">
      <c r="A435" s="17"/>
      <c r="B435" s="18"/>
      <c r="C435" s="15" t="s">
        <v>111</v>
      </c>
      <c r="D435" s="15" t="s">
        <v>131</v>
      </c>
      <c r="E435" s="15" t="s">
        <v>133</v>
      </c>
      <c r="F435" s="16">
        <v>32568</v>
      </c>
    </row>
    <row r="436" spans="1:6" ht="27" customHeight="1" x14ac:dyDescent="0.45">
      <c r="A436" s="17"/>
      <c r="B436" s="18"/>
      <c r="C436" s="15" t="s">
        <v>111</v>
      </c>
      <c r="D436" s="15" t="s">
        <v>131</v>
      </c>
      <c r="E436" s="15" t="s">
        <v>133</v>
      </c>
      <c r="F436" s="16">
        <v>26190</v>
      </c>
    </row>
    <row r="437" spans="1:6" ht="27" customHeight="1" x14ac:dyDescent="0.45">
      <c r="A437" s="17"/>
      <c r="B437" s="18"/>
      <c r="C437" s="15" t="s">
        <v>111</v>
      </c>
      <c r="D437" s="15" t="s">
        <v>131</v>
      </c>
      <c r="E437" s="15" t="s">
        <v>133</v>
      </c>
      <c r="F437" s="16">
        <v>24396</v>
      </c>
    </row>
    <row r="438" spans="1:6" ht="27" customHeight="1" x14ac:dyDescent="0.45">
      <c r="A438" s="17"/>
      <c r="B438" s="18"/>
      <c r="C438" s="15" t="s">
        <v>111</v>
      </c>
      <c r="D438" s="15" t="s">
        <v>131</v>
      </c>
      <c r="E438" s="15" t="s">
        <v>136</v>
      </c>
      <c r="F438" s="16">
        <v>22400</v>
      </c>
    </row>
    <row r="439" spans="1:6" ht="27" customHeight="1" x14ac:dyDescent="0.45">
      <c r="A439" s="17"/>
      <c r="B439" s="18"/>
      <c r="C439" s="15" t="s">
        <v>111</v>
      </c>
      <c r="D439" s="15" t="s">
        <v>131</v>
      </c>
      <c r="E439" s="15" t="s">
        <v>187</v>
      </c>
      <c r="F439" s="16">
        <v>22290</v>
      </c>
    </row>
    <row r="440" spans="1:6" ht="27" customHeight="1" x14ac:dyDescent="0.45">
      <c r="A440" s="17"/>
      <c r="B440" s="18"/>
      <c r="C440" s="32" t="s">
        <v>111</v>
      </c>
      <c r="D440" s="15" t="s">
        <v>131</v>
      </c>
      <c r="E440" s="15" t="s">
        <v>134</v>
      </c>
      <c r="F440" s="16">
        <v>20454</v>
      </c>
    </row>
    <row r="441" spans="1:6" ht="27" customHeight="1" x14ac:dyDescent="0.45">
      <c r="A441" s="17"/>
      <c r="B441" s="18"/>
      <c r="C441" s="32" t="s">
        <v>111</v>
      </c>
      <c r="D441" s="15" t="s">
        <v>131</v>
      </c>
      <c r="E441" s="15" t="s">
        <v>139</v>
      </c>
      <c r="F441" s="16">
        <v>17500</v>
      </c>
    </row>
    <row r="442" spans="1:6" ht="27" customHeight="1" x14ac:dyDescent="0.45">
      <c r="A442" s="17"/>
      <c r="B442" s="18"/>
      <c r="C442" s="15" t="s">
        <v>111</v>
      </c>
      <c r="D442" s="15" t="s">
        <v>131</v>
      </c>
      <c r="E442" s="15" t="s">
        <v>189</v>
      </c>
      <c r="F442" s="16">
        <v>16922</v>
      </c>
    </row>
    <row r="443" spans="1:6" ht="27" customHeight="1" x14ac:dyDescent="0.45">
      <c r="A443" s="21"/>
      <c r="B443" s="22"/>
      <c r="C443" s="32" t="s">
        <v>111</v>
      </c>
      <c r="D443" s="15" t="s">
        <v>131</v>
      </c>
      <c r="E443" s="15" t="s">
        <v>136</v>
      </c>
      <c r="F443" s="16">
        <v>16800</v>
      </c>
    </row>
    <row r="444" spans="1:6" ht="27" customHeight="1" x14ac:dyDescent="0.45">
      <c r="A444" s="31"/>
      <c r="B444" s="14"/>
      <c r="C444" s="32" t="s">
        <v>111</v>
      </c>
      <c r="D444" s="15" t="s">
        <v>131</v>
      </c>
      <c r="E444" s="15" t="s">
        <v>187</v>
      </c>
      <c r="F444" s="16">
        <v>14000</v>
      </c>
    </row>
    <row r="445" spans="1:6" ht="27" customHeight="1" x14ac:dyDescent="0.45">
      <c r="A445" s="17"/>
      <c r="B445" s="18"/>
      <c r="C445" s="15" t="s">
        <v>111</v>
      </c>
      <c r="D445" s="15" t="s">
        <v>131</v>
      </c>
      <c r="E445" s="15" t="s">
        <v>189</v>
      </c>
      <c r="F445" s="16">
        <v>12512</v>
      </c>
    </row>
    <row r="446" spans="1:6" ht="27" customHeight="1" x14ac:dyDescent="0.45">
      <c r="A446" s="17"/>
      <c r="B446" s="18"/>
      <c r="C446" s="15" t="s">
        <v>111</v>
      </c>
      <c r="D446" s="15" t="s">
        <v>131</v>
      </c>
      <c r="E446" s="15" t="s">
        <v>139</v>
      </c>
      <c r="F446" s="16">
        <v>12500</v>
      </c>
    </row>
    <row r="447" spans="1:6" ht="27" customHeight="1" x14ac:dyDescent="0.45">
      <c r="A447" s="17"/>
      <c r="B447" s="18"/>
      <c r="C447" s="15" t="s">
        <v>111</v>
      </c>
      <c r="D447" s="15" t="s">
        <v>131</v>
      </c>
      <c r="E447" s="15" t="s">
        <v>139</v>
      </c>
      <c r="F447" s="16">
        <v>12500</v>
      </c>
    </row>
    <row r="448" spans="1:6" ht="27" customHeight="1" x14ac:dyDescent="0.45">
      <c r="A448" s="17"/>
      <c r="B448" s="18"/>
      <c r="C448" s="15" t="s">
        <v>111</v>
      </c>
      <c r="D448" s="15" t="s">
        <v>131</v>
      </c>
      <c r="E448" s="15" t="s">
        <v>136</v>
      </c>
      <c r="F448" s="16">
        <v>11200</v>
      </c>
    </row>
    <row r="449" spans="1:6" ht="27" customHeight="1" x14ac:dyDescent="0.45">
      <c r="A449" s="17"/>
      <c r="B449" s="18"/>
      <c r="C449" s="15" t="s">
        <v>111</v>
      </c>
      <c r="D449" s="15" t="s">
        <v>131</v>
      </c>
      <c r="E449" s="15" t="s">
        <v>136</v>
      </c>
      <c r="F449" s="16">
        <v>11200</v>
      </c>
    </row>
    <row r="450" spans="1:6" ht="27" customHeight="1" x14ac:dyDescent="0.45">
      <c r="A450" s="17"/>
      <c r="B450" s="18"/>
      <c r="C450" s="15" t="s">
        <v>111</v>
      </c>
      <c r="D450" s="15" t="s">
        <v>131</v>
      </c>
      <c r="E450" s="15" t="s">
        <v>136</v>
      </c>
      <c r="F450" s="16">
        <v>11200</v>
      </c>
    </row>
    <row r="451" spans="1:6" ht="27" customHeight="1" x14ac:dyDescent="0.45">
      <c r="A451" s="17"/>
      <c r="B451" s="18"/>
      <c r="C451" s="15" t="s">
        <v>111</v>
      </c>
      <c r="D451" s="15" t="s">
        <v>131</v>
      </c>
      <c r="E451" s="15" t="s">
        <v>136</v>
      </c>
      <c r="F451" s="16">
        <v>11200</v>
      </c>
    </row>
    <row r="452" spans="1:6" ht="27" customHeight="1" x14ac:dyDescent="0.45">
      <c r="A452" s="17"/>
      <c r="B452" s="18"/>
      <c r="C452" s="15" t="s">
        <v>111</v>
      </c>
      <c r="D452" s="15" t="s">
        <v>131</v>
      </c>
      <c r="E452" s="15" t="s">
        <v>136</v>
      </c>
      <c r="F452" s="16">
        <v>11200</v>
      </c>
    </row>
    <row r="453" spans="1:6" ht="27" customHeight="1" x14ac:dyDescent="0.45">
      <c r="A453" s="17"/>
      <c r="B453" s="18"/>
      <c r="C453" s="15" t="s">
        <v>111</v>
      </c>
      <c r="D453" s="15" t="s">
        <v>131</v>
      </c>
      <c r="E453" s="15" t="s">
        <v>139</v>
      </c>
      <c r="F453" s="16">
        <v>10000</v>
      </c>
    </row>
    <row r="454" spans="1:6" ht="27" customHeight="1" x14ac:dyDescent="0.45">
      <c r="A454" s="17"/>
      <c r="B454" s="18"/>
      <c r="C454" s="15" t="s">
        <v>111</v>
      </c>
      <c r="D454" s="15" t="s">
        <v>131</v>
      </c>
      <c r="E454" s="15" t="s">
        <v>139</v>
      </c>
      <c r="F454" s="16">
        <v>10000</v>
      </c>
    </row>
    <row r="455" spans="1:6" ht="27" customHeight="1" x14ac:dyDescent="0.45">
      <c r="A455" s="17"/>
      <c r="B455" s="18"/>
      <c r="C455" s="15" t="s">
        <v>111</v>
      </c>
      <c r="D455" s="15" t="s">
        <v>131</v>
      </c>
      <c r="E455" s="15" t="s">
        <v>139</v>
      </c>
      <c r="F455" s="16">
        <v>10000</v>
      </c>
    </row>
    <row r="456" spans="1:6" ht="27" customHeight="1" x14ac:dyDescent="0.45">
      <c r="A456" s="17"/>
      <c r="B456" s="18"/>
      <c r="C456" s="15" t="s">
        <v>111</v>
      </c>
      <c r="D456" s="15" t="s">
        <v>131</v>
      </c>
      <c r="E456" s="15" t="s">
        <v>139</v>
      </c>
      <c r="F456" s="16">
        <v>10000</v>
      </c>
    </row>
    <row r="457" spans="1:6" ht="27" customHeight="1" x14ac:dyDescent="0.45">
      <c r="A457" s="17"/>
      <c r="B457" s="18"/>
      <c r="C457" s="15" t="s">
        <v>111</v>
      </c>
      <c r="D457" s="15" t="s">
        <v>131</v>
      </c>
      <c r="E457" s="15" t="s">
        <v>139</v>
      </c>
      <c r="F457" s="16">
        <v>10000</v>
      </c>
    </row>
    <row r="458" spans="1:6" ht="27" customHeight="1" x14ac:dyDescent="0.45">
      <c r="A458" s="17"/>
      <c r="B458" s="18"/>
      <c r="C458" s="15" t="s">
        <v>111</v>
      </c>
      <c r="D458" s="15" t="s">
        <v>131</v>
      </c>
      <c r="E458" s="15" t="s">
        <v>189</v>
      </c>
      <c r="F458" s="16">
        <v>8910</v>
      </c>
    </row>
    <row r="459" spans="1:6" ht="27" customHeight="1" x14ac:dyDescent="0.45">
      <c r="A459" s="17"/>
      <c r="B459" s="18"/>
      <c r="C459" s="15" t="s">
        <v>111</v>
      </c>
      <c r="D459" s="15" t="s">
        <v>131</v>
      </c>
      <c r="E459" s="15" t="s">
        <v>189</v>
      </c>
      <c r="F459" s="16">
        <v>8910</v>
      </c>
    </row>
    <row r="460" spans="1:6" ht="27" customHeight="1" x14ac:dyDescent="0.45">
      <c r="A460" s="17"/>
      <c r="B460" s="18"/>
      <c r="C460" s="15" t="s">
        <v>111</v>
      </c>
      <c r="D460" s="15" t="s">
        <v>131</v>
      </c>
      <c r="E460" s="15" t="s">
        <v>133</v>
      </c>
      <c r="F460" s="16">
        <v>8030</v>
      </c>
    </row>
    <row r="461" spans="1:6" ht="27" customHeight="1" x14ac:dyDescent="0.45">
      <c r="A461" s="17"/>
      <c r="B461" s="18"/>
      <c r="C461" s="15" t="s">
        <v>111</v>
      </c>
      <c r="D461" s="15" t="s">
        <v>131</v>
      </c>
      <c r="E461" s="15" t="s">
        <v>139</v>
      </c>
      <c r="F461" s="16">
        <v>7500</v>
      </c>
    </row>
    <row r="462" spans="1:6" ht="27" customHeight="1" x14ac:dyDescent="0.45">
      <c r="A462" s="17"/>
      <c r="B462" s="18"/>
      <c r="C462" s="15" t="s">
        <v>111</v>
      </c>
      <c r="D462" s="15" t="s">
        <v>131</v>
      </c>
      <c r="E462" s="15" t="s">
        <v>187</v>
      </c>
      <c r="F462" s="16">
        <v>6000</v>
      </c>
    </row>
    <row r="463" spans="1:6" ht="27" customHeight="1" x14ac:dyDescent="0.45">
      <c r="A463" s="17"/>
      <c r="B463" s="18"/>
      <c r="C463" s="15" t="s">
        <v>111</v>
      </c>
      <c r="D463" s="15" t="s">
        <v>131</v>
      </c>
      <c r="E463" s="15" t="s">
        <v>136</v>
      </c>
      <c r="F463" s="16">
        <v>5600</v>
      </c>
    </row>
    <row r="464" spans="1:6" ht="27" customHeight="1" x14ac:dyDescent="0.45">
      <c r="A464" s="17"/>
      <c r="B464" s="18"/>
      <c r="C464" s="15" t="s">
        <v>111</v>
      </c>
      <c r="D464" s="15" t="s">
        <v>131</v>
      </c>
      <c r="E464" s="15" t="s">
        <v>139</v>
      </c>
      <c r="F464" s="16">
        <v>5000</v>
      </c>
    </row>
    <row r="465" spans="1:6" ht="27" customHeight="1" x14ac:dyDescent="0.45">
      <c r="A465" s="17"/>
      <c r="B465" s="18"/>
      <c r="C465" s="15" t="s">
        <v>111</v>
      </c>
      <c r="D465" s="15" t="s">
        <v>131</v>
      </c>
      <c r="E465" s="15" t="s">
        <v>139</v>
      </c>
      <c r="F465" s="16">
        <v>5000</v>
      </c>
    </row>
    <row r="466" spans="1:6" ht="27" customHeight="1" x14ac:dyDescent="0.45">
      <c r="A466" s="17"/>
      <c r="B466" s="18"/>
      <c r="C466" s="15" t="s">
        <v>111</v>
      </c>
      <c r="D466" s="15" t="s">
        <v>131</v>
      </c>
      <c r="E466" s="15" t="s">
        <v>139</v>
      </c>
      <c r="F466" s="16">
        <v>5000</v>
      </c>
    </row>
    <row r="467" spans="1:6" ht="27" customHeight="1" x14ac:dyDescent="0.45">
      <c r="A467" s="17"/>
      <c r="B467" s="18"/>
      <c r="C467" s="15" t="s">
        <v>111</v>
      </c>
      <c r="D467" s="15" t="s">
        <v>131</v>
      </c>
      <c r="E467" s="15" t="s">
        <v>139</v>
      </c>
      <c r="F467" s="16">
        <v>5000</v>
      </c>
    </row>
    <row r="468" spans="1:6" ht="27" customHeight="1" x14ac:dyDescent="0.45">
      <c r="A468" s="17"/>
      <c r="B468" s="18"/>
      <c r="C468" s="15" t="s">
        <v>111</v>
      </c>
      <c r="D468" s="15" t="s">
        <v>131</v>
      </c>
      <c r="E468" s="15" t="s">
        <v>139</v>
      </c>
      <c r="F468" s="16">
        <v>2500</v>
      </c>
    </row>
    <row r="469" spans="1:6" ht="27" customHeight="1" x14ac:dyDescent="0.45">
      <c r="A469" s="17"/>
      <c r="B469" s="18"/>
      <c r="C469" s="15" t="s">
        <v>111</v>
      </c>
      <c r="D469" s="15" t="s">
        <v>131</v>
      </c>
      <c r="E469" s="15" t="s">
        <v>135</v>
      </c>
      <c r="F469" s="16">
        <v>2456</v>
      </c>
    </row>
    <row r="470" spans="1:6" ht="27" customHeight="1" x14ac:dyDescent="0.45">
      <c r="A470" s="17"/>
      <c r="B470" s="18"/>
      <c r="C470" s="15" t="s">
        <v>111</v>
      </c>
      <c r="D470" s="15" t="s">
        <v>131</v>
      </c>
      <c r="E470" s="15" t="s">
        <v>136</v>
      </c>
      <c r="F470" s="16">
        <v>1840</v>
      </c>
    </row>
    <row r="471" spans="1:6" ht="27" customHeight="1" x14ac:dyDescent="0.45">
      <c r="A471" s="17"/>
      <c r="B471" s="18"/>
      <c r="C471" s="15" t="s">
        <v>111</v>
      </c>
      <c r="D471" s="15" t="s">
        <v>131</v>
      </c>
      <c r="E471" s="15" t="s">
        <v>134</v>
      </c>
      <c r="F471" s="16">
        <v>810</v>
      </c>
    </row>
    <row r="472" spans="1:6" ht="27" customHeight="1" thickBot="1" x14ac:dyDescent="0.5">
      <c r="A472" s="17"/>
      <c r="B472" s="18"/>
      <c r="C472" s="19" t="s">
        <v>111</v>
      </c>
      <c r="D472" s="19" t="s">
        <v>131</v>
      </c>
      <c r="E472" s="19" t="s">
        <v>187</v>
      </c>
      <c r="F472" s="20">
        <v>456</v>
      </c>
    </row>
    <row r="473" spans="1:6" ht="27" customHeight="1" thickTop="1" x14ac:dyDescent="0.45">
      <c r="A473" s="21"/>
      <c r="B473" s="22"/>
      <c r="C473" s="23" t="s">
        <v>116</v>
      </c>
      <c r="D473" s="24"/>
      <c r="E473" s="25" t="s">
        <v>190</v>
      </c>
      <c r="F473" s="26">
        <v>898284278</v>
      </c>
    </row>
    <row r="474" spans="1:6" ht="27" customHeight="1" x14ac:dyDescent="0.45">
      <c r="F474" s="3"/>
    </row>
    <row r="475" spans="1:6" ht="27" customHeight="1" x14ac:dyDescent="0.45">
      <c r="A475" s="5" t="s">
        <v>2</v>
      </c>
      <c r="B475" s="5" t="s">
        <v>107</v>
      </c>
      <c r="C475" s="5" t="s">
        <v>108</v>
      </c>
      <c r="D475" s="5" t="s">
        <v>109</v>
      </c>
      <c r="E475" s="5" t="s">
        <v>110</v>
      </c>
      <c r="F475" s="12" t="s">
        <v>5</v>
      </c>
    </row>
    <row r="476" spans="1:6" ht="27" customHeight="1" x14ac:dyDescent="0.45">
      <c r="A476" s="13">
        <v>15</v>
      </c>
      <c r="B476" s="29" t="s">
        <v>20</v>
      </c>
      <c r="C476" s="15" t="s">
        <v>111</v>
      </c>
      <c r="D476" s="15" t="s">
        <v>129</v>
      </c>
      <c r="E476" s="15" t="s">
        <v>191</v>
      </c>
      <c r="F476" s="16">
        <v>797297776</v>
      </c>
    </row>
    <row r="477" spans="1:6" ht="27" customHeight="1" x14ac:dyDescent="0.45">
      <c r="A477" s="17"/>
      <c r="B477" s="30"/>
      <c r="C477" s="15" t="s">
        <v>111</v>
      </c>
      <c r="D477" s="15" t="s">
        <v>149</v>
      </c>
      <c r="E477" s="15" t="s">
        <v>150</v>
      </c>
      <c r="F477" s="16">
        <v>33125400</v>
      </c>
    </row>
    <row r="478" spans="1:6" ht="27" customHeight="1" thickBot="1" x14ac:dyDescent="0.5">
      <c r="A478" s="17"/>
      <c r="B478" s="18"/>
      <c r="C478" s="19" t="s">
        <v>111</v>
      </c>
      <c r="D478" s="19" t="s">
        <v>149</v>
      </c>
      <c r="E478" s="19" t="s">
        <v>150</v>
      </c>
      <c r="F478" s="20">
        <v>17094000</v>
      </c>
    </row>
    <row r="479" spans="1:6" ht="27" customHeight="1" thickTop="1" x14ac:dyDescent="0.45">
      <c r="A479" s="21"/>
      <c r="B479" s="22"/>
      <c r="C479" s="23" t="s">
        <v>116</v>
      </c>
      <c r="D479" s="24"/>
      <c r="E479" s="25" t="s">
        <v>192</v>
      </c>
      <c r="F479" s="26">
        <v>847517176</v>
      </c>
    </row>
    <row r="480" spans="1:6" ht="27" customHeight="1" x14ac:dyDescent="0.45">
      <c r="F480" s="3"/>
    </row>
    <row r="481" spans="1:6" ht="27" customHeight="1" x14ac:dyDescent="0.45">
      <c r="A481" s="5" t="s">
        <v>2</v>
      </c>
      <c r="B481" s="5" t="s">
        <v>107</v>
      </c>
      <c r="C481" s="5" t="s">
        <v>108</v>
      </c>
      <c r="D481" s="5" t="s">
        <v>109</v>
      </c>
      <c r="E481" s="5" t="s">
        <v>110</v>
      </c>
      <c r="F481" s="12" t="s">
        <v>5</v>
      </c>
    </row>
    <row r="482" spans="1:6" ht="27" customHeight="1" x14ac:dyDescent="0.45">
      <c r="A482" s="13">
        <v>16</v>
      </c>
      <c r="B482" s="14" t="s">
        <v>21</v>
      </c>
      <c r="C482" s="15" t="s">
        <v>145</v>
      </c>
      <c r="D482" s="15" t="s">
        <v>114</v>
      </c>
      <c r="E482" s="15" t="s">
        <v>147</v>
      </c>
      <c r="F482" s="16">
        <v>119582820</v>
      </c>
    </row>
    <row r="483" spans="1:6" ht="27" customHeight="1" x14ac:dyDescent="0.45">
      <c r="A483" s="17"/>
      <c r="B483" s="18"/>
      <c r="C483" s="15" t="s">
        <v>145</v>
      </c>
      <c r="D483" s="15" t="s">
        <v>114</v>
      </c>
      <c r="E483" s="15" t="s">
        <v>147</v>
      </c>
      <c r="F483" s="16">
        <v>72482000</v>
      </c>
    </row>
    <row r="484" spans="1:6" ht="27" customHeight="1" x14ac:dyDescent="0.45">
      <c r="A484" s="17"/>
      <c r="B484" s="18"/>
      <c r="C484" s="15" t="s">
        <v>145</v>
      </c>
      <c r="D484" s="15" t="s">
        <v>193</v>
      </c>
      <c r="E484" s="15" t="s">
        <v>194</v>
      </c>
      <c r="F484" s="16">
        <v>51559200</v>
      </c>
    </row>
    <row r="485" spans="1:6" ht="27" customHeight="1" x14ac:dyDescent="0.45">
      <c r="A485" s="17"/>
      <c r="B485" s="18"/>
      <c r="C485" s="15" t="s">
        <v>145</v>
      </c>
      <c r="D485" s="15" t="s">
        <v>193</v>
      </c>
      <c r="E485" s="15" t="s">
        <v>194</v>
      </c>
      <c r="F485" s="16">
        <v>49687000</v>
      </c>
    </row>
    <row r="486" spans="1:6" ht="27" customHeight="1" x14ac:dyDescent="0.45">
      <c r="A486" s="17"/>
      <c r="B486" s="18"/>
      <c r="C486" s="15" t="s">
        <v>145</v>
      </c>
      <c r="D486" s="15" t="s">
        <v>122</v>
      </c>
      <c r="E486" s="15" t="s">
        <v>195</v>
      </c>
      <c r="F486" s="16">
        <v>46816000</v>
      </c>
    </row>
    <row r="487" spans="1:6" ht="27" customHeight="1" x14ac:dyDescent="0.45">
      <c r="A487" s="17"/>
      <c r="B487" s="18"/>
      <c r="C487" s="15" t="s">
        <v>125</v>
      </c>
      <c r="D487" s="15" t="s">
        <v>114</v>
      </c>
      <c r="E487" s="15" t="s">
        <v>147</v>
      </c>
      <c r="F487" s="16">
        <v>44000000</v>
      </c>
    </row>
    <row r="488" spans="1:6" ht="27" customHeight="1" x14ac:dyDescent="0.45">
      <c r="A488" s="17"/>
      <c r="B488" s="18"/>
      <c r="C488" s="15" t="s">
        <v>145</v>
      </c>
      <c r="D488" s="15" t="s">
        <v>193</v>
      </c>
      <c r="E488" s="15" t="s">
        <v>194</v>
      </c>
      <c r="F488" s="16">
        <v>43029360</v>
      </c>
    </row>
    <row r="489" spans="1:6" ht="27" customHeight="1" x14ac:dyDescent="0.45">
      <c r="A489" s="17"/>
      <c r="B489" s="18"/>
      <c r="C489" s="15" t="s">
        <v>111</v>
      </c>
      <c r="D489" s="15" t="s">
        <v>114</v>
      </c>
      <c r="E489" s="15" t="s">
        <v>115</v>
      </c>
      <c r="F489" s="16">
        <v>42431725</v>
      </c>
    </row>
    <row r="490" spans="1:6" ht="27" customHeight="1" x14ac:dyDescent="0.45">
      <c r="A490" s="17"/>
      <c r="B490" s="18"/>
      <c r="C490" s="15" t="s">
        <v>145</v>
      </c>
      <c r="D490" s="15" t="s">
        <v>149</v>
      </c>
      <c r="E490" s="15" t="s">
        <v>150</v>
      </c>
      <c r="F490" s="16">
        <v>38940000</v>
      </c>
    </row>
    <row r="491" spans="1:6" ht="27" customHeight="1" x14ac:dyDescent="0.45">
      <c r="A491" s="17"/>
      <c r="B491" s="18"/>
      <c r="C491" s="15" t="s">
        <v>145</v>
      </c>
      <c r="D491" s="15" t="s">
        <v>114</v>
      </c>
      <c r="E491" s="15" t="s">
        <v>147</v>
      </c>
      <c r="F491" s="16">
        <v>34383000</v>
      </c>
    </row>
    <row r="492" spans="1:6" ht="27" customHeight="1" x14ac:dyDescent="0.45">
      <c r="A492" s="17"/>
      <c r="B492" s="18"/>
      <c r="C492" s="15" t="s">
        <v>145</v>
      </c>
      <c r="D492" s="15" t="s">
        <v>114</v>
      </c>
      <c r="E492" s="15" t="s">
        <v>147</v>
      </c>
      <c r="F492" s="16">
        <v>23100000</v>
      </c>
    </row>
    <row r="493" spans="1:6" ht="27" customHeight="1" x14ac:dyDescent="0.45">
      <c r="A493" s="17"/>
      <c r="B493" s="18"/>
      <c r="C493" s="15" t="s">
        <v>145</v>
      </c>
      <c r="D493" s="15" t="s">
        <v>129</v>
      </c>
      <c r="E493" s="15" t="s">
        <v>137</v>
      </c>
      <c r="F493" s="16">
        <v>19364400</v>
      </c>
    </row>
    <row r="494" spans="1:6" ht="27" customHeight="1" x14ac:dyDescent="0.45">
      <c r="A494" s="17"/>
      <c r="B494" s="18"/>
      <c r="C494" s="15" t="s">
        <v>145</v>
      </c>
      <c r="D494" s="15" t="s">
        <v>114</v>
      </c>
      <c r="E494" s="15" t="s">
        <v>147</v>
      </c>
      <c r="F494" s="16">
        <v>18947280</v>
      </c>
    </row>
    <row r="495" spans="1:6" ht="27" customHeight="1" x14ac:dyDescent="0.45">
      <c r="A495" s="17"/>
      <c r="B495" s="18"/>
      <c r="C495" s="15" t="s">
        <v>145</v>
      </c>
      <c r="D495" s="15" t="s">
        <v>126</v>
      </c>
      <c r="E495" s="15" t="s">
        <v>196</v>
      </c>
      <c r="F495" s="16">
        <v>18272100</v>
      </c>
    </row>
    <row r="496" spans="1:6" ht="27" customHeight="1" x14ac:dyDescent="0.45">
      <c r="A496" s="17"/>
      <c r="B496" s="18"/>
      <c r="C496" s="15" t="s">
        <v>145</v>
      </c>
      <c r="D496" s="15" t="s">
        <v>129</v>
      </c>
      <c r="E496" s="15" t="s">
        <v>197</v>
      </c>
      <c r="F496" s="16">
        <v>14971000</v>
      </c>
    </row>
    <row r="497" spans="1:6" ht="27" customHeight="1" x14ac:dyDescent="0.45">
      <c r="A497" s="17"/>
      <c r="B497" s="18"/>
      <c r="C497" s="15" t="s">
        <v>145</v>
      </c>
      <c r="D497" s="15" t="s">
        <v>129</v>
      </c>
      <c r="E497" s="15" t="s">
        <v>138</v>
      </c>
      <c r="F497" s="16">
        <v>11719400</v>
      </c>
    </row>
    <row r="498" spans="1:6" ht="27" customHeight="1" x14ac:dyDescent="0.45">
      <c r="A498" s="17"/>
      <c r="B498" s="18"/>
      <c r="C498" s="15" t="s">
        <v>145</v>
      </c>
      <c r="D498" s="15" t="s">
        <v>129</v>
      </c>
      <c r="E498" s="15" t="s">
        <v>198</v>
      </c>
      <c r="F498" s="16">
        <v>10900890</v>
      </c>
    </row>
    <row r="499" spans="1:6" ht="27" customHeight="1" x14ac:dyDescent="0.45">
      <c r="A499" s="17"/>
      <c r="B499" s="18"/>
      <c r="C499" s="15" t="s">
        <v>145</v>
      </c>
      <c r="D499" s="15" t="s">
        <v>122</v>
      </c>
      <c r="E499" s="15" t="s">
        <v>195</v>
      </c>
      <c r="F499" s="16">
        <v>10890000</v>
      </c>
    </row>
    <row r="500" spans="1:6" ht="27" customHeight="1" x14ac:dyDescent="0.45">
      <c r="A500" s="17"/>
      <c r="B500" s="18"/>
      <c r="C500" s="15" t="s">
        <v>145</v>
      </c>
      <c r="D500" s="15" t="s">
        <v>193</v>
      </c>
      <c r="E500" s="15" t="s">
        <v>199</v>
      </c>
      <c r="F500" s="16">
        <v>10361845</v>
      </c>
    </row>
    <row r="501" spans="1:6" ht="27" customHeight="1" x14ac:dyDescent="0.45">
      <c r="A501" s="17"/>
      <c r="B501" s="18"/>
      <c r="C501" s="15" t="s">
        <v>145</v>
      </c>
      <c r="D501" s="15" t="s">
        <v>126</v>
      </c>
      <c r="E501" s="15" t="s">
        <v>200</v>
      </c>
      <c r="F501" s="16">
        <v>9081600</v>
      </c>
    </row>
    <row r="502" spans="1:6" ht="27" customHeight="1" x14ac:dyDescent="0.45">
      <c r="A502" s="17"/>
      <c r="B502" s="18"/>
      <c r="C502" s="15" t="s">
        <v>145</v>
      </c>
      <c r="D502" s="15" t="s">
        <v>159</v>
      </c>
      <c r="E502" s="15" t="s">
        <v>201</v>
      </c>
      <c r="F502" s="16">
        <v>8554920</v>
      </c>
    </row>
    <row r="503" spans="1:6" ht="27" customHeight="1" x14ac:dyDescent="0.45">
      <c r="A503" s="17"/>
      <c r="B503" s="18"/>
      <c r="C503" s="15" t="s">
        <v>145</v>
      </c>
      <c r="D503" s="15" t="s">
        <v>122</v>
      </c>
      <c r="E503" s="15" t="s">
        <v>195</v>
      </c>
      <c r="F503" s="16">
        <v>8039699</v>
      </c>
    </row>
    <row r="504" spans="1:6" ht="27" customHeight="1" x14ac:dyDescent="0.45">
      <c r="A504" s="17"/>
      <c r="B504" s="18"/>
      <c r="C504" s="15" t="s">
        <v>111</v>
      </c>
      <c r="D504" s="15" t="s">
        <v>129</v>
      </c>
      <c r="E504" s="15" t="s">
        <v>202</v>
      </c>
      <c r="F504" s="16">
        <v>7948600</v>
      </c>
    </row>
    <row r="505" spans="1:6" ht="27" customHeight="1" x14ac:dyDescent="0.45">
      <c r="A505" s="17"/>
      <c r="B505" s="18"/>
      <c r="C505" s="15" t="s">
        <v>145</v>
      </c>
      <c r="D505" s="15" t="s">
        <v>129</v>
      </c>
      <c r="E505" s="15" t="s">
        <v>138</v>
      </c>
      <c r="F505" s="16">
        <v>7419984</v>
      </c>
    </row>
    <row r="506" spans="1:6" ht="27" customHeight="1" x14ac:dyDescent="0.45">
      <c r="A506" s="17"/>
      <c r="B506" s="18"/>
      <c r="C506" s="15" t="s">
        <v>145</v>
      </c>
      <c r="D506" s="15" t="s">
        <v>149</v>
      </c>
      <c r="E506" s="15" t="s">
        <v>150</v>
      </c>
      <c r="F506" s="16">
        <v>7040000</v>
      </c>
    </row>
    <row r="507" spans="1:6" ht="27" customHeight="1" x14ac:dyDescent="0.45">
      <c r="A507" s="17"/>
      <c r="B507" s="18"/>
      <c r="C507" s="15" t="s">
        <v>145</v>
      </c>
      <c r="D507" s="15" t="s">
        <v>131</v>
      </c>
      <c r="E507" s="15" t="s">
        <v>203</v>
      </c>
      <c r="F507" s="16">
        <v>5912500</v>
      </c>
    </row>
    <row r="508" spans="1:6" ht="27" customHeight="1" x14ac:dyDescent="0.45">
      <c r="A508" s="17"/>
      <c r="B508" s="18"/>
      <c r="C508" s="32" t="s">
        <v>145</v>
      </c>
      <c r="D508" s="15" t="s">
        <v>114</v>
      </c>
      <c r="E508" s="15" t="s">
        <v>147</v>
      </c>
      <c r="F508" s="16">
        <v>5148000</v>
      </c>
    </row>
    <row r="509" spans="1:6" ht="27" customHeight="1" x14ac:dyDescent="0.45">
      <c r="A509" s="17"/>
      <c r="B509" s="18"/>
      <c r="C509" s="32" t="s">
        <v>145</v>
      </c>
      <c r="D509" s="15" t="s">
        <v>122</v>
      </c>
      <c r="E509" s="15" t="s">
        <v>195</v>
      </c>
      <c r="F509" s="16">
        <v>5005000</v>
      </c>
    </row>
    <row r="510" spans="1:6" ht="27" customHeight="1" x14ac:dyDescent="0.45">
      <c r="A510" s="17"/>
      <c r="B510" s="18"/>
      <c r="C510" s="15" t="s">
        <v>145</v>
      </c>
      <c r="D510" s="15" t="s">
        <v>129</v>
      </c>
      <c r="E510" s="15" t="s">
        <v>137</v>
      </c>
      <c r="F510" s="16">
        <v>4752000</v>
      </c>
    </row>
    <row r="511" spans="1:6" ht="27" customHeight="1" x14ac:dyDescent="0.45">
      <c r="A511" s="17"/>
      <c r="B511" s="18"/>
      <c r="C511" s="15" t="s">
        <v>111</v>
      </c>
      <c r="D511" s="15" t="s">
        <v>122</v>
      </c>
      <c r="E511" s="15" t="s">
        <v>123</v>
      </c>
      <c r="F511" s="16">
        <v>4553893</v>
      </c>
    </row>
    <row r="512" spans="1:6" ht="27" customHeight="1" x14ac:dyDescent="0.45">
      <c r="A512" s="17"/>
      <c r="B512" s="18"/>
      <c r="C512" s="15" t="s">
        <v>145</v>
      </c>
      <c r="D512" s="15" t="s">
        <v>131</v>
      </c>
      <c r="E512" s="15" t="s">
        <v>203</v>
      </c>
      <c r="F512" s="16">
        <v>4400000</v>
      </c>
    </row>
    <row r="513" spans="1:6" ht="27" customHeight="1" x14ac:dyDescent="0.45">
      <c r="A513" s="17"/>
      <c r="B513" s="18"/>
      <c r="C513" s="15" t="s">
        <v>145</v>
      </c>
      <c r="D513" s="15" t="s">
        <v>193</v>
      </c>
      <c r="E513" s="15" t="s">
        <v>199</v>
      </c>
      <c r="F513" s="16">
        <v>4252315</v>
      </c>
    </row>
    <row r="514" spans="1:6" ht="27" customHeight="1" x14ac:dyDescent="0.45">
      <c r="A514" s="17"/>
      <c r="B514" s="18"/>
      <c r="C514" s="15" t="s">
        <v>111</v>
      </c>
      <c r="D514" s="15" t="s">
        <v>131</v>
      </c>
      <c r="E514" s="15" t="s">
        <v>132</v>
      </c>
      <c r="F514" s="16">
        <v>4239957</v>
      </c>
    </row>
    <row r="515" spans="1:6" ht="27" customHeight="1" x14ac:dyDescent="0.45">
      <c r="A515" s="17"/>
      <c r="B515" s="18"/>
      <c r="C515" s="15" t="s">
        <v>145</v>
      </c>
      <c r="D515" s="15" t="s">
        <v>114</v>
      </c>
      <c r="E515" s="15" t="s">
        <v>115</v>
      </c>
      <c r="F515" s="16">
        <v>4125000</v>
      </c>
    </row>
    <row r="516" spans="1:6" ht="27" customHeight="1" x14ac:dyDescent="0.45">
      <c r="A516" s="17"/>
      <c r="B516" s="18"/>
      <c r="C516" s="15" t="s">
        <v>145</v>
      </c>
      <c r="D516" s="15" t="s">
        <v>131</v>
      </c>
      <c r="E516" s="15" t="s">
        <v>203</v>
      </c>
      <c r="F516" s="16">
        <v>3943500</v>
      </c>
    </row>
    <row r="517" spans="1:6" ht="27" customHeight="1" x14ac:dyDescent="0.45">
      <c r="A517" s="21"/>
      <c r="B517" s="22"/>
      <c r="C517" s="32" t="s">
        <v>145</v>
      </c>
      <c r="D517" s="15" t="s">
        <v>131</v>
      </c>
      <c r="E517" s="15" t="s">
        <v>203</v>
      </c>
      <c r="F517" s="16">
        <v>3630000</v>
      </c>
    </row>
    <row r="518" spans="1:6" ht="27" customHeight="1" x14ac:dyDescent="0.45">
      <c r="A518" s="31"/>
      <c r="B518" s="14"/>
      <c r="C518" s="32" t="s">
        <v>145</v>
      </c>
      <c r="D518" s="15" t="s">
        <v>204</v>
      </c>
      <c r="E518" s="15" t="s">
        <v>205</v>
      </c>
      <c r="F518" s="16">
        <v>3515600</v>
      </c>
    </row>
    <row r="519" spans="1:6" ht="27" customHeight="1" x14ac:dyDescent="0.45">
      <c r="A519" s="17"/>
      <c r="B519" s="18"/>
      <c r="C519" s="15" t="s">
        <v>145</v>
      </c>
      <c r="D519" s="15" t="s">
        <v>129</v>
      </c>
      <c r="E519" s="15" t="s">
        <v>198</v>
      </c>
      <c r="F519" s="16">
        <v>3348730</v>
      </c>
    </row>
    <row r="520" spans="1:6" ht="27" customHeight="1" x14ac:dyDescent="0.45">
      <c r="A520" s="17"/>
      <c r="B520" s="18"/>
      <c r="C520" s="15" t="s">
        <v>145</v>
      </c>
      <c r="D520" s="15" t="s">
        <v>114</v>
      </c>
      <c r="E520" s="15" t="s">
        <v>147</v>
      </c>
      <c r="F520" s="16">
        <v>3322000</v>
      </c>
    </row>
    <row r="521" spans="1:6" ht="27" customHeight="1" x14ac:dyDescent="0.45">
      <c r="A521" s="17"/>
      <c r="B521" s="18"/>
      <c r="C521" s="15" t="s">
        <v>145</v>
      </c>
      <c r="D521" s="15" t="s">
        <v>114</v>
      </c>
      <c r="E521" s="15" t="s">
        <v>147</v>
      </c>
      <c r="F521" s="16">
        <v>3089900</v>
      </c>
    </row>
    <row r="522" spans="1:6" ht="27" customHeight="1" x14ac:dyDescent="0.45">
      <c r="A522" s="17"/>
      <c r="B522" s="18"/>
      <c r="C522" s="15" t="s">
        <v>145</v>
      </c>
      <c r="D522" s="15" t="s">
        <v>131</v>
      </c>
      <c r="E522" s="15" t="s">
        <v>203</v>
      </c>
      <c r="F522" s="16">
        <v>3080000</v>
      </c>
    </row>
    <row r="523" spans="1:6" ht="27" customHeight="1" x14ac:dyDescent="0.45">
      <c r="A523" s="17"/>
      <c r="B523" s="18"/>
      <c r="C523" s="15" t="s">
        <v>111</v>
      </c>
      <c r="D523" s="15" t="s">
        <v>193</v>
      </c>
      <c r="E523" s="15" t="s">
        <v>194</v>
      </c>
      <c r="F523" s="16">
        <v>2991335</v>
      </c>
    </row>
    <row r="524" spans="1:6" ht="27" customHeight="1" x14ac:dyDescent="0.45">
      <c r="A524" s="17"/>
      <c r="B524" s="18"/>
      <c r="C524" s="15" t="s">
        <v>145</v>
      </c>
      <c r="D524" s="15" t="s">
        <v>122</v>
      </c>
      <c r="E524" s="15" t="s">
        <v>195</v>
      </c>
      <c r="F524" s="16">
        <v>2432301</v>
      </c>
    </row>
    <row r="525" spans="1:6" ht="27" customHeight="1" x14ac:dyDescent="0.45">
      <c r="A525" s="17"/>
      <c r="B525" s="18"/>
      <c r="C525" s="15" t="s">
        <v>145</v>
      </c>
      <c r="D525" s="15" t="s">
        <v>114</v>
      </c>
      <c r="E525" s="15" t="s">
        <v>147</v>
      </c>
      <c r="F525" s="16">
        <v>2227000</v>
      </c>
    </row>
    <row r="526" spans="1:6" ht="27" customHeight="1" x14ac:dyDescent="0.45">
      <c r="A526" s="17"/>
      <c r="B526" s="18"/>
      <c r="C526" s="15" t="s">
        <v>145</v>
      </c>
      <c r="D526" s="15" t="s">
        <v>131</v>
      </c>
      <c r="E526" s="15" t="s">
        <v>203</v>
      </c>
      <c r="F526" s="16">
        <v>2112000</v>
      </c>
    </row>
    <row r="527" spans="1:6" ht="27" customHeight="1" x14ac:dyDescent="0.45">
      <c r="A527" s="17"/>
      <c r="B527" s="18"/>
      <c r="C527" s="15" t="s">
        <v>111</v>
      </c>
      <c r="D527" s="15" t="s">
        <v>126</v>
      </c>
      <c r="E527" s="15" t="s">
        <v>196</v>
      </c>
      <c r="F527" s="16">
        <v>1936000</v>
      </c>
    </row>
    <row r="528" spans="1:6" ht="27" customHeight="1" x14ac:dyDescent="0.45">
      <c r="A528" s="17"/>
      <c r="B528" s="18"/>
      <c r="C528" s="15" t="s">
        <v>145</v>
      </c>
      <c r="D528" s="15" t="s">
        <v>193</v>
      </c>
      <c r="E528" s="15" t="s">
        <v>199</v>
      </c>
      <c r="F528" s="16">
        <v>1864500</v>
      </c>
    </row>
    <row r="529" spans="1:6" ht="27" customHeight="1" x14ac:dyDescent="0.45">
      <c r="A529" s="17"/>
      <c r="B529" s="18"/>
      <c r="C529" s="15" t="s">
        <v>145</v>
      </c>
      <c r="D529" s="15" t="s">
        <v>129</v>
      </c>
      <c r="E529" s="15" t="s">
        <v>138</v>
      </c>
      <c r="F529" s="16">
        <v>1854996</v>
      </c>
    </row>
    <row r="530" spans="1:6" ht="27" customHeight="1" x14ac:dyDescent="0.45">
      <c r="A530" s="17"/>
      <c r="B530" s="18"/>
      <c r="C530" s="15" t="s">
        <v>145</v>
      </c>
      <c r="D530" s="15" t="s">
        <v>129</v>
      </c>
      <c r="E530" s="15" t="s">
        <v>137</v>
      </c>
      <c r="F530" s="16">
        <v>1393810</v>
      </c>
    </row>
    <row r="531" spans="1:6" ht="27" customHeight="1" x14ac:dyDescent="0.45">
      <c r="A531" s="17"/>
      <c r="B531" s="18"/>
      <c r="C531" s="15" t="s">
        <v>111</v>
      </c>
      <c r="D531" s="15" t="s">
        <v>126</v>
      </c>
      <c r="E531" s="15" t="s">
        <v>154</v>
      </c>
      <c r="F531" s="16">
        <v>1159888</v>
      </c>
    </row>
    <row r="532" spans="1:6" ht="27" customHeight="1" x14ac:dyDescent="0.45">
      <c r="A532" s="17"/>
      <c r="B532" s="18"/>
      <c r="C532" s="15" t="s">
        <v>145</v>
      </c>
      <c r="D532" s="15" t="s">
        <v>114</v>
      </c>
      <c r="E532" s="15" t="s">
        <v>153</v>
      </c>
      <c r="F532" s="16">
        <v>1102200</v>
      </c>
    </row>
    <row r="533" spans="1:6" ht="27" customHeight="1" x14ac:dyDescent="0.45">
      <c r="A533" s="17"/>
      <c r="B533" s="18"/>
      <c r="C533" s="15" t="s">
        <v>145</v>
      </c>
      <c r="D533" s="15" t="s">
        <v>126</v>
      </c>
      <c r="E533" s="15" t="s">
        <v>196</v>
      </c>
      <c r="F533" s="16">
        <v>999900</v>
      </c>
    </row>
    <row r="534" spans="1:6" ht="27" customHeight="1" x14ac:dyDescent="0.45">
      <c r="A534" s="17"/>
      <c r="B534" s="18"/>
      <c r="C534" s="15" t="s">
        <v>162</v>
      </c>
      <c r="D534" s="15" t="s">
        <v>122</v>
      </c>
      <c r="E534" s="15" t="s">
        <v>206</v>
      </c>
      <c r="F534" s="16">
        <v>858000</v>
      </c>
    </row>
    <row r="535" spans="1:6" ht="27" customHeight="1" x14ac:dyDescent="0.45">
      <c r="A535" s="17"/>
      <c r="B535" s="18"/>
      <c r="C535" s="15" t="s">
        <v>111</v>
      </c>
      <c r="D535" s="15" t="s">
        <v>126</v>
      </c>
      <c r="E535" s="15" t="s">
        <v>154</v>
      </c>
      <c r="F535" s="16">
        <v>837999</v>
      </c>
    </row>
    <row r="536" spans="1:6" ht="27" customHeight="1" x14ac:dyDescent="0.45">
      <c r="A536" s="17"/>
      <c r="B536" s="18"/>
      <c r="C536" s="15" t="s">
        <v>145</v>
      </c>
      <c r="D536" s="15" t="s">
        <v>126</v>
      </c>
      <c r="E536" s="15" t="s">
        <v>154</v>
      </c>
      <c r="F536" s="16">
        <v>729536</v>
      </c>
    </row>
    <row r="537" spans="1:6" ht="27" customHeight="1" x14ac:dyDescent="0.45">
      <c r="A537" s="17"/>
      <c r="B537" s="18"/>
      <c r="C537" s="15" t="s">
        <v>145</v>
      </c>
      <c r="D537" s="15" t="s">
        <v>126</v>
      </c>
      <c r="E537" s="15" t="s">
        <v>154</v>
      </c>
      <c r="F537" s="16">
        <v>588292</v>
      </c>
    </row>
    <row r="538" spans="1:6" ht="27" customHeight="1" x14ac:dyDescent="0.45">
      <c r="A538" s="17"/>
      <c r="B538" s="18"/>
      <c r="C538" s="15" t="s">
        <v>145</v>
      </c>
      <c r="D538" s="15" t="s">
        <v>126</v>
      </c>
      <c r="E538" s="15" t="s">
        <v>154</v>
      </c>
      <c r="F538" s="16">
        <v>583762</v>
      </c>
    </row>
    <row r="539" spans="1:6" ht="27" customHeight="1" x14ac:dyDescent="0.45">
      <c r="A539" s="17"/>
      <c r="B539" s="18"/>
      <c r="C539" s="15" t="s">
        <v>145</v>
      </c>
      <c r="D539" s="15" t="s">
        <v>131</v>
      </c>
      <c r="E539" s="15" t="s">
        <v>203</v>
      </c>
      <c r="F539" s="16">
        <v>577500</v>
      </c>
    </row>
    <row r="540" spans="1:6" ht="27" customHeight="1" x14ac:dyDescent="0.45">
      <c r="A540" s="17"/>
      <c r="B540" s="18"/>
      <c r="C540" s="15" t="s">
        <v>145</v>
      </c>
      <c r="D540" s="15" t="s">
        <v>126</v>
      </c>
      <c r="E540" s="15" t="s">
        <v>154</v>
      </c>
      <c r="F540" s="16">
        <v>525552</v>
      </c>
    </row>
    <row r="541" spans="1:6" ht="27" customHeight="1" x14ac:dyDescent="0.45">
      <c r="A541" s="17"/>
      <c r="B541" s="18"/>
      <c r="C541" s="15" t="s">
        <v>145</v>
      </c>
      <c r="D541" s="15" t="s">
        <v>126</v>
      </c>
      <c r="E541" s="15" t="s">
        <v>154</v>
      </c>
      <c r="F541" s="16">
        <v>523333</v>
      </c>
    </row>
    <row r="542" spans="1:6" ht="27" customHeight="1" x14ac:dyDescent="0.45">
      <c r="A542" s="17"/>
      <c r="B542" s="18"/>
      <c r="C542" s="32" t="s">
        <v>145</v>
      </c>
      <c r="D542" s="15" t="s">
        <v>126</v>
      </c>
      <c r="E542" s="15" t="s">
        <v>154</v>
      </c>
      <c r="F542" s="16">
        <v>522226</v>
      </c>
    </row>
    <row r="543" spans="1:6" ht="27" customHeight="1" x14ac:dyDescent="0.45">
      <c r="A543" s="17"/>
      <c r="B543" s="18"/>
      <c r="C543" s="32" t="s">
        <v>145</v>
      </c>
      <c r="D543" s="15" t="s">
        <v>126</v>
      </c>
      <c r="E543" s="15" t="s">
        <v>154</v>
      </c>
      <c r="F543" s="16">
        <v>521551</v>
      </c>
    </row>
    <row r="544" spans="1:6" ht="27" customHeight="1" x14ac:dyDescent="0.45">
      <c r="A544" s="17"/>
      <c r="B544" s="18"/>
      <c r="C544" s="15" t="s">
        <v>145</v>
      </c>
      <c r="D544" s="15" t="s">
        <v>126</v>
      </c>
      <c r="E544" s="15" t="s">
        <v>154</v>
      </c>
      <c r="F544" s="16">
        <v>515147</v>
      </c>
    </row>
    <row r="545" spans="1:6" ht="27" customHeight="1" x14ac:dyDescent="0.45">
      <c r="A545" s="17"/>
      <c r="B545" s="18"/>
      <c r="C545" s="15" t="s">
        <v>145</v>
      </c>
      <c r="D545" s="15" t="s">
        <v>126</v>
      </c>
      <c r="E545" s="15" t="s">
        <v>154</v>
      </c>
      <c r="F545" s="16">
        <v>509550</v>
      </c>
    </row>
    <row r="546" spans="1:6" ht="27" customHeight="1" x14ac:dyDescent="0.45">
      <c r="A546" s="17"/>
      <c r="B546" s="18"/>
      <c r="C546" s="15" t="s">
        <v>145</v>
      </c>
      <c r="D546" s="15" t="s">
        <v>126</v>
      </c>
      <c r="E546" s="15" t="s">
        <v>154</v>
      </c>
      <c r="F546" s="16">
        <v>508736</v>
      </c>
    </row>
    <row r="547" spans="1:6" ht="27" customHeight="1" x14ac:dyDescent="0.45">
      <c r="A547" s="17"/>
      <c r="B547" s="18"/>
      <c r="C547" s="15" t="s">
        <v>145</v>
      </c>
      <c r="D547" s="15" t="s">
        <v>126</v>
      </c>
      <c r="E547" s="15" t="s">
        <v>154</v>
      </c>
      <c r="F547" s="16">
        <v>507862</v>
      </c>
    </row>
    <row r="548" spans="1:6" ht="27" customHeight="1" x14ac:dyDescent="0.45">
      <c r="A548" s="17"/>
      <c r="B548" s="18"/>
      <c r="C548" s="15" t="s">
        <v>145</v>
      </c>
      <c r="D548" s="15" t="s">
        <v>126</v>
      </c>
      <c r="E548" s="15" t="s">
        <v>154</v>
      </c>
      <c r="F548" s="16">
        <v>506226</v>
      </c>
    </row>
    <row r="549" spans="1:6" ht="27" customHeight="1" x14ac:dyDescent="0.45">
      <c r="A549" s="17"/>
      <c r="B549" s="18"/>
      <c r="C549" s="15" t="s">
        <v>111</v>
      </c>
      <c r="D549" s="15" t="s">
        <v>207</v>
      </c>
      <c r="E549" s="15" t="s">
        <v>146</v>
      </c>
      <c r="F549" s="16">
        <v>495000</v>
      </c>
    </row>
    <row r="550" spans="1:6" ht="27" customHeight="1" x14ac:dyDescent="0.45">
      <c r="A550" s="17"/>
      <c r="B550" s="18"/>
      <c r="C550" s="15" t="s">
        <v>111</v>
      </c>
      <c r="D550" s="15" t="s">
        <v>122</v>
      </c>
      <c r="E550" s="15" t="s">
        <v>208</v>
      </c>
      <c r="F550" s="16">
        <v>495000</v>
      </c>
    </row>
    <row r="551" spans="1:6" ht="27" customHeight="1" x14ac:dyDescent="0.45">
      <c r="A551" s="17"/>
      <c r="B551" s="18"/>
      <c r="C551" s="15" t="s">
        <v>145</v>
      </c>
      <c r="D551" s="15" t="s">
        <v>126</v>
      </c>
      <c r="E551" s="15" t="s">
        <v>196</v>
      </c>
      <c r="F551" s="16">
        <v>495000</v>
      </c>
    </row>
    <row r="552" spans="1:6" ht="27" customHeight="1" x14ac:dyDescent="0.45">
      <c r="A552" s="17"/>
      <c r="B552" s="18"/>
      <c r="C552" s="15" t="s">
        <v>111</v>
      </c>
      <c r="D552" s="15" t="s">
        <v>193</v>
      </c>
      <c r="E552" s="15" t="s">
        <v>194</v>
      </c>
      <c r="F552" s="16">
        <v>163387</v>
      </c>
    </row>
    <row r="553" spans="1:6" ht="27" customHeight="1" x14ac:dyDescent="0.45">
      <c r="A553" s="17"/>
      <c r="B553" s="18"/>
      <c r="C553" s="15" t="s">
        <v>111</v>
      </c>
      <c r="D553" s="15" t="s">
        <v>193</v>
      </c>
      <c r="E553" s="15" t="s">
        <v>194</v>
      </c>
      <c r="F553" s="16">
        <v>110000</v>
      </c>
    </row>
    <row r="554" spans="1:6" ht="27" customHeight="1" x14ac:dyDescent="0.45">
      <c r="A554" s="21"/>
      <c r="B554" s="22"/>
      <c r="C554" s="32" t="s">
        <v>111</v>
      </c>
      <c r="D554" s="15" t="s">
        <v>193</v>
      </c>
      <c r="E554" s="15" t="s">
        <v>194</v>
      </c>
      <c r="F554" s="16">
        <v>82979</v>
      </c>
    </row>
    <row r="555" spans="1:6" ht="27" customHeight="1" x14ac:dyDescent="0.45">
      <c r="A555" s="31"/>
      <c r="B555" s="14"/>
      <c r="C555" s="32" t="s">
        <v>111</v>
      </c>
      <c r="D555" s="15" t="s">
        <v>193</v>
      </c>
      <c r="E555" s="15" t="s">
        <v>194</v>
      </c>
      <c r="F555" s="16">
        <v>52258</v>
      </c>
    </row>
    <row r="556" spans="1:6" ht="27" customHeight="1" x14ac:dyDescent="0.45">
      <c r="A556" s="17"/>
      <c r="B556" s="18"/>
      <c r="C556" s="15" t="s">
        <v>145</v>
      </c>
      <c r="D556" s="15" t="s">
        <v>129</v>
      </c>
      <c r="E556" s="15" t="s">
        <v>209</v>
      </c>
      <c r="F556" s="16">
        <v>26400</v>
      </c>
    </row>
    <row r="557" spans="1:6" ht="27" customHeight="1" thickBot="1" x14ac:dyDescent="0.5">
      <c r="A557" s="17"/>
      <c r="B557" s="18"/>
      <c r="C557" s="19" t="s">
        <v>111</v>
      </c>
      <c r="D557" s="19" t="s">
        <v>193</v>
      </c>
      <c r="E557" s="19" t="s">
        <v>194</v>
      </c>
      <c r="F557" s="20">
        <v>6600</v>
      </c>
    </row>
    <row r="558" spans="1:6" ht="27" customHeight="1" thickTop="1" x14ac:dyDescent="0.45">
      <c r="A558" s="21"/>
      <c r="B558" s="22"/>
      <c r="C558" s="23" t="s">
        <v>116</v>
      </c>
      <c r="D558" s="24"/>
      <c r="E558" s="25" t="s">
        <v>210</v>
      </c>
      <c r="F558" s="26">
        <v>826657044</v>
      </c>
    </row>
    <row r="559" spans="1:6" ht="27" customHeight="1" x14ac:dyDescent="0.45">
      <c r="F559" s="3"/>
    </row>
    <row r="560" spans="1:6" ht="27" customHeight="1" x14ac:dyDescent="0.45">
      <c r="A560" s="5" t="s">
        <v>2</v>
      </c>
      <c r="B560" s="5" t="s">
        <v>107</v>
      </c>
      <c r="C560" s="5" t="s">
        <v>108</v>
      </c>
      <c r="D560" s="5" t="s">
        <v>109</v>
      </c>
      <c r="E560" s="5" t="s">
        <v>110</v>
      </c>
      <c r="F560" s="12" t="s">
        <v>5</v>
      </c>
    </row>
    <row r="561" spans="1:6" ht="27" customHeight="1" x14ac:dyDescent="0.45">
      <c r="A561" s="13">
        <v>17</v>
      </c>
      <c r="B561" s="29" t="s">
        <v>22</v>
      </c>
      <c r="C561" s="15" t="s">
        <v>121</v>
      </c>
      <c r="D561" s="15" t="s">
        <v>131</v>
      </c>
      <c r="E561" s="15" t="s">
        <v>211</v>
      </c>
      <c r="F561" s="16">
        <v>307154000</v>
      </c>
    </row>
    <row r="562" spans="1:6" ht="27" customHeight="1" x14ac:dyDescent="0.45">
      <c r="A562" s="17"/>
      <c r="B562" s="30"/>
      <c r="C562" s="15" t="s">
        <v>121</v>
      </c>
      <c r="D562" s="15" t="s">
        <v>131</v>
      </c>
      <c r="E562" s="15" t="s">
        <v>211</v>
      </c>
      <c r="F562" s="16">
        <v>283668000</v>
      </c>
    </row>
    <row r="563" spans="1:6" ht="27" customHeight="1" x14ac:dyDescent="0.45">
      <c r="A563" s="17"/>
      <c r="B563" s="18"/>
      <c r="C563" s="15" t="s">
        <v>121</v>
      </c>
      <c r="D563" s="15" t="s">
        <v>131</v>
      </c>
      <c r="E563" s="15" t="s">
        <v>211</v>
      </c>
      <c r="F563" s="16">
        <v>207557000</v>
      </c>
    </row>
    <row r="564" spans="1:6" ht="27" customHeight="1" x14ac:dyDescent="0.45">
      <c r="A564" s="17"/>
      <c r="B564" s="18"/>
      <c r="C564" s="15" t="s">
        <v>111</v>
      </c>
      <c r="D564" s="15" t="s">
        <v>131</v>
      </c>
      <c r="E564" s="15" t="s">
        <v>132</v>
      </c>
      <c r="F564" s="16">
        <v>1838320</v>
      </c>
    </row>
    <row r="565" spans="1:6" ht="27" customHeight="1" thickBot="1" x14ac:dyDescent="0.5">
      <c r="A565" s="17"/>
      <c r="B565" s="18"/>
      <c r="C565" s="19" t="s">
        <v>111</v>
      </c>
      <c r="D565" s="19" t="s">
        <v>131</v>
      </c>
      <c r="E565" s="19" t="s">
        <v>132</v>
      </c>
      <c r="F565" s="20">
        <v>968880</v>
      </c>
    </row>
    <row r="566" spans="1:6" ht="27" customHeight="1" thickTop="1" x14ac:dyDescent="0.45">
      <c r="A566" s="21"/>
      <c r="B566" s="22"/>
      <c r="C566" s="23" t="s">
        <v>116</v>
      </c>
      <c r="D566" s="24"/>
      <c r="E566" s="25" t="s">
        <v>161</v>
      </c>
      <c r="F566" s="26">
        <v>801186200</v>
      </c>
    </row>
    <row r="567" spans="1:6" ht="27" customHeight="1" x14ac:dyDescent="0.45">
      <c r="F567" s="3"/>
    </row>
    <row r="568" spans="1:6" ht="27" customHeight="1" x14ac:dyDescent="0.45">
      <c r="A568" s="5" t="s">
        <v>2</v>
      </c>
      <c r="B568" s="5" t="s">
        <v>107</v>
      </c>
      <c r="C568" s="5" t="s">
        <v>108</v>
      </c>
      <c r="D568" s="5" t="s">
        <v>109</v>
      </c>
      <c r="E568" s="5" t="s">
        <v>110</v>
      </c>
      <c r="F568" s="12" t="s">
        <v>5</v>
      </c>
    </row>
    <row r="569" spans="1:6" ht="27" customHeight="1" x14ac:dyDescent="0.45">
      <c r="A569" s="13">
        <v>18</v>
      </c>
      <c r="B569" s="14" t="s">
        <v>23</v>
      </c>
      <c r="C569" s="15" t="s">
        <v>121</v>
      </c>
      <c r="D569" s="15" t="s">
        <v>131</v>
      </c>
      <c r="E569" s="15" t="s">
        <v>211</v>
      </c>
      <c r="F569" s="16">
        <v>532000000</v>
      </c>
    </row>
    <row r="570" spans="1:6" ht="27" customHeight="1" x14ac:dyDescent="0.45">
      <c r="A570" s="17"/>
      <c r="B570" s="18"/>
      <c r="C570" s="15" t="s">
        <v>111</v>
      </c>
      <c r="D570" s="15" t="s">
        <v>131</v>
      </c>
      <c r="E570" s="15" t="s">
        <v>211</v>
      </c>
      <c r="F570" s="16">
        <v>113798204</v>
      </c>
    </row>
    <row r="571" spans="1:6" ht="27" customHeight="1" x14ac:dyDescent="0.45">
      <c r="A571" s="17"/>
      <c r="B571" s="18"/>
      <c r="C571" s="15" t="s">
        <v>111</v>
      </c>
      <c r="D571" s="15" t="s">
        <v>131</v>
      </c>
      <c r="E571" s="15" t="s">
        <v>211</v>
      </c>
      <c r="F571" s="16">
        <v>37428603</v>
      </c>
    </row>
    <row r="572" spans="1:6" ht="27" customHeight="1" x14ac:dyDescent="0.45">
      <c r="A572" s="17"/>
      <c r="B572" s="18"/>
      <c r="C572" s="15" t="s">
        <v>111</v>
      </c>
      <c r="D572" s="15" t="s">
        <v>131</v>
      </c>
      <c r="E572" s="15" t="s">
        <v>139</v>
      </c>
      <c r="F572" s="16">
        <v>1362920</v>
      </c>
    </row>
    <row r="573" spans="1:6" ht="27" customHeight="1" x14ac:dyDescent="0.45">
      <c r="A573" s="17"/>
      <c r="B573" s="18"/>
      <c r="C573" s="15" t="s">
        <v>111</v>
      </c>
      <c r="D573" s="15" t="s">
        <v>131</v>
      </c>
      <c r="E573" s="15" t="s">
        <v>133</v>
      </c>
      <c r="F573" s="16">
        <v>224892</v>
      </c>
    </row>
    <row r="574" spans="1:6" ht="27" customHeight="1" x14ac:dyDescent="0.45">
      <c r="A574" s="17"/>
      <c r="B574" s="18"/>
      <c r="C574" s="15" t="s">
        <v>111</v>
      </c>
      <c r="D574" s="15" t="s">
        <v>131</v>
      </c>
      <c r="E574" s="15" t="s">
        <v>136</v>
      </c>
      <c r="F574" s="16">
        <v>152570</v>
      </c>
    </row>
    <row r="575" spans="1:6" ht="27" customHeight="1" x14ac:dyDescent="0.45">
      <c r="A575" s="17"/>
      <c r="B575" s="18"/>
      <c r="C575" s="15" t="s">
        <v>111</v>
      </c>
      <c r="D575" s="15" t="s">
        <v>131</v>
      </c>
      <c r="E575" s="15" t="s">
        <v>135</v>
      </c>
      <c r="F575" s="16">
        <v>124624</v>
      </c>
    </row>
    <row r="576" spans="1:6" ht="27" customHeight="1" x14ac:dyDescent="0.45">
      <c r="A576" s="17"/>
      <c r="B576" s="18"/>
      <c r="C576" s="32" t="s">
        <v>111</v>
      </c>
      <c r="D576" s="15" t="s">
        <v>131</v>
      </c>
      <c r="E576" s="15" t="s">
        <v>211</v>
      </c>
      <c r="F576" s="16">
        <v>86832</v>
      </c>
    </row>
    <row r="577" spans="1:6" ht="27" customHeight="1" x14ac:dyDescent="0.45">
      <c r="A577" s="17"/>
      <c r="B577" s="18"/>
      <c r="C577" s="32" t="s">
        <v>111</v>
      </c>
      <c r="D577" s="15" t="s">
        <v>131</v>
      </c>
      <c r="E577" s="15" t="s">
        <v>139</v>
      </c>
      <c r="F577" s="16">
        <v>62312</v>
      </c>
    </row>
    <row r="578" spans="1:6" ht="27" customHeight="1" x14ac:dyDescent="0.45">
      <c r="A578" s="17"/>
      <c r="B578" s="18"/>
      <c r="C578" s="15" t="s">
        <v>111</v>
      </c>
      <c r="D578" s="15" t="s">
        <v>131</v>
      </c>
      <c r="E578" s="15" t="s">
        <v>139</v>
      </c>
      <c r="F578" s="16">
        <v>62312</v>
      </c>
    </row>
    <row r="579" spans="1:6" ht="27" customHeight="1" x14ac:dyDescent="0.45">
      <c r="A579" s="17"/>
      <c r="B579" s="18"/>
      <c r="C579" s="15" t="s">
        <v>111</v>
      </c>
      <c r="D579" s="15" t="s">
        <v>131</v>
      </c>
      <c r="E579" s="15" t="s">
        <v>189</v>
      </c>
      <c r="F579" s="16">
        <v>33330</v>
      </c>
    </row>
    <row r="580" spans="1:6" ht="27" customHeight="1" x14ac:dyDescent="0.45">
      <c r="A580" s="17"/>
      <c r="B580" s="18"/>
      <c r="C580" s="15" t="s">
        <v>111</v>
      </c>
      <c r="D580" s="15" t="s">
        <v>131</v>
      </c>
      <c r="E580" s="15" t="s">
        <v>134</v>
      </c>
      <c r="F580" s="16">
        <v>31156</v>
      </c>
    </row>
    <row r="581" spans="1:6" ht="27" customHeight="1" x14ac:dyDescent="0.45">
      <c r="A581" s="17"/>
      <c r="B581" s="18"/>
      <c r="C581" s="15" t="s">
        <v>111</v>
      </c>
      <c r="D581" s="15" t="s">
        <v>131</v>
      </c>
      <c r="E581" s="15" t="s">
        <v>136</v>
      </c>
      <c r="F581" s="16">
        <v>18260</v>
      </c>
    </row>
    <row r="582" spans="1:6" ht="27" customHeight="1" thickBot="1" x14ac:dyDescent="0.5">
      <c r="A582" s="17"/>
      <c r="B582" s="18"/>
      <c r="C582" s="19" t="s">
        <v>111</v>
      </c>
      <c r="D582" s="19" t="s">
        <v>131</v>
      </c>
      <c r="E582" s="19" t="s">
        <v>189</v>
      </c>
      <c r="F582" s="20">
        <v>15954</v>
      </c>
    </row>
    <row r="583" spans="1:6" ht="27" customHeight="1" thickTop="1" x14ac:dyDescent="0.45">
      <c r="A583" s="21"/>
      <c r="B583" s="22"/>
      <c r="C583" s="23" t="s">
        <v>116</v>
      </c>
      <c r="D583" s="24"/>
      <c r="E583" s="25" t="s">
        <v>212</v>
      </c>
      <c r="F583" s="26">
        <v>685401969</v>
      </c>
    </row>
    <row r="584" spans="1:6" ht="27" customHeight="1" x14ac:dyDescent="0.45">
      <c r="F584" s="3"/>
    </row>
    <row r="585" spans="1:6" ht="27" customHeight="1" x14ac:dyDescent="0.45">
      <c r="A585" s="5" t="s">
        <v>2</v>
      </c>
      <c r="B585" s="5" t="s">
        <v>107</v>
      </c>
      <c r="C585" s="5" t="s">
        <v>108</v>
      </c>
      <c r="D585" s="5" t="s">
        <v>109</v>
      </c>
      <c r="E585" s="5" t="s">
        <v>110</v>
      </c>
      <c r="F585" s="12" t="s">
        <v>5</v>
      </c>
    </row>
    <row r="586" spans="1:6" ht="27" customHeight="1" x14ac:dyDescent="0.45">
      <c r="A586" s="13">
        <v>19</v>
      </c>
      <c r="B586" s="29" t="s">
        <v>213</v>
      </c>
      <c r="C586" s="15" t="s">
        <v>121</v>
      </c>
      <c r="D586" s="15" t="s">
        <v>122</v>
      </c>
      <c r="E586" s="15" t="s">
        <v>214</v>
      </c>
      <c r="F586" s="16">
        <v>265528000</v>
      </c>
    </row>
    <row r="587" spans="1:6" ht="27" customHeight="1" x14ac:dyDescent="0.45">
      <c r="A587" s="17"/>
      <c r="B587" s="30"/>
      <c r="C587" s="15" t="s">
        <v>121</v>
      </c>
      <c r="D587" s="15" t="s">
        <v>122</v>
      </c>
      <c r="E587" s="15" t="s">
        <v>214</v>
      </c>
      <c r="F587" s="16">
        <v>163122000</v>
      </c>
    </row>
    <row r="588" spans="1:6" ht="27" customHeight="1" x14ac:dyDescent="0.45">
      <c r="A588" s="17"/>
      <c r="B588" s="30"/>
      <c r="C588" s="15" t="s">
        <v>121</v>
      </c>
      <c r="D588" s="15" t="s">
        <v>122</v>
      </c>
      <c r="E588" s="15" t="s">
        <v>215</v>
      </c>
      <c r="F588" s="16">
        <v>132900000</v>
      </c>
    </row>
    <row r="589" spans="1:6" ht="27" customHeight="1" thickBot="1" x14ac:dyDescent="0.5">
      <c r="A589" s="17"/>
      <c r="B589" s="30"/>
      <c r="C589" s="19" t="s">
        <v>121</v>
      </c>
      <c r="D589" s="19" t="s">
        <v>122</v>
      </c>
      <c r="E589" s="19" t="s">
        <v>216</v>
      </c>
      <c r="F589" s="20">
        <v>91017000</v>
      </c>
    </row>
    <row r="590" spans="1:6" ht="27" customHeight="1" thickTop="1" x14ac:dyDescent="0.45">
      <c r="A590" s="21"/>
      <c r="B590" s="22"/>
      <c r="C590" s="23" t="s">
        <v>116</v>
      </c>
      <c r="D590" s="24"/>
      <c r="E590" s="25" t="s">
        <v>117</v>
      </c>
      <c r="F590" s="26">
        <v>652567000</v>
      </c>
    </row>
    <row r="591" spans="1:6" ht="27" customHeight="1" x14ac:dyDescent="0.45">
      <c r="F591" s="3"/>
    </row>
    <row r="592" spans="1:6" ht="27" customHeight="1" x14ac:dyDescent="0.45">
      <c r="A592" s="5" t="s">
        <v>2</v>
      </c>
      <c r="B592" s="5" t="s">
        <v>107</v>
      </c>
      <c r="C592" s="5" t="s">
        <v>108</v>
      </c>
      <c r="D592" s="5" t="s">
        <v>109</v>
      </c>
      <c r="E592" s="5" t="s">
        <v>110</v>
      </c>
      <c r="F592" s="12" t="s">
        <v>5</v>
      </c>
    </row>
    <row r="593" spans="1:6" ht="27" customHeight="1" x14ac:dyDescent="0.45">
      <c r="A593" s="13">
        <v>20</v>
      </c>
      <c r="B593" s="14" t="s">
        <v>25</v>
      </c>
      <c r="C593" s="15" t="s">
        <v>111</v>
      </c>
      <c r="D593" s="15" t="s">
        <v>131</v>
      </c>
      <c r="E593" s="15" t="s">
        <v>187</v>
      </c>
      <c r="F593" s="16">
        <v>356656610</v>
      </c>
    </row>
    <row r="594" spans="1:6" ht="27" customHeight="1" x14ac:dyDescent="0.45">
      <c r="A594" s="17"/>
      <c r="B594" s="18"/>
      <c r="C594" s="15" t="s">
        <v>111</v>
      </c>
      <c r="D594" s="15" t="s">
        <v>131</v>
      </c>
      <c r="E594" s="15" t="s">
        <v>187</v>
      </c>
      <c r="F594" s="16">
        <v>193207216</v>
      </c>
    </row>
    <row r="595" spans="1:6" ht="27" customHeight="1" x14ac:dyDescent="0.45">
      <c r="A595" s="17"/>
      <c r="B595" s="18"/>
      <c r="C595" s="15" t="s">
        <v>111</v>
      </c>
      <c r="D595" s="15" t="s">
        <v>131</v>
      </c>
      <c r="E595" s="15" t="s">
        <v>187</v>
      </c>
      <c r="F595" s="16">
        <v>48259068</v>
      </c>
    </row>
    <row r="596" spans="1:6" ht="27" customHeight="1" x14ac:dyDescent="0.45">
      <c r="A596" s="17"/>
      <c r="B596" s="18"/>
      <c r="C596" s="15" t="s">
        <v>111</v>
      </c>
      <c r="D596" s="15" t="s">
        <v>131</v>
      </c>
      <c r="E596" s="15" t="s">
        <v>187</v>
      </c>
      <c r="F596" s="16">
        <v>23272374</v>
      </c>
    </row>
    <row r="597" spans="1:6" ht="27" customHeight="1" x14ac:dyDescent="0.45">
      <c r="A597" s="17"/>
      <c r="B597" s="18"/>
      <c r="C597" s="15" t="s">
        <v>111</v>
      </c>
      <c r="D597" s="15" t="s">
        <v>131</v>
      </c>
      <c r="E597" s="15" t="s">
        <v>187</v>
      </c>
      <c r="F597" s="16">
        <v>4154400</v>
      </c>
    </row>
    <row r="598" spans="1:6" ht="27" customHeight="1" x14ac:dyDescent="0.45">
      <c r="A598" s="17"/>
      <c r="B598" s="18"/>
      <c r="C598" s="15" t="s">
        <v>111</v>
      </c>
      <c r="D598" s="15" t="s">
        <v>131</v>
      </c>
      <c r="E598" s="15" t="s">
        <v>187</v>
      </c>
      <c r="F598" s="16">
        <v>2250683</v>
      </c>
    </row>
    <row r="599" spans="1:6" ht="27" customHeight="1" x14ac:dyDescent="0.45">
      <c r="A599" s="17"/>
      <c r="B599" s="18"/>
      <c r="C599" s="15" t="s">
        <v>111</v>
      </c>
      <c r="D599" s="15" t="s">
        <v>131</v>
      </c>
      <c r="E599" s="15" t="s">
        <v>187</v>
      </c>
      <c r="F599" s="16">
        <v>283050</v>
      </c>
    </row>
    <row r="600" spans="1:6" ht="27" customHeight="1" x14ac:dyDescent="0.45">
      <c r="A600" s="17"/>
      <c r="B600" s="18"/>
      <c r="C600" s="15" t="s">
        <v>111</v>
      </c>
      <c r="D600" s="15" t="s">
        <v>131</v>
      </c>
      <c r="E600" s="15" t="s">
        <v>139</v>
      </c>
      <c r="F600" s="16">
        <v>279640</v>
      </c>
    </row>
    <row r="601" spans="1:6" ht="27" customHeight="1" x14ac:dyDescent="0.45">
      <c r="A601" s="17"/>
      <c r="B601" s="18"/>
      <c r="C601" s="15" t="s">
        <v>111</v>
      </c>
      <c r="D601" s="15" t="s">
        <v>131</v>
      </c>
      <c r="E601" s="15" t="s">
        <v>139</v>
      </c>
      <c r="F601" s="16">
        <v>198458</v>
      </c>
    </row>
    <row r="602" spans="1:6" ht="27" customHeight="1" x14ac:dyDescent="0.45">
      <c r="A602" s="17"/>
      <c r="B602" s="18"/>
      <c r="C602" s="15" t="s">
        <v>111</v>
      </c>
      <c r="D602" s="15" t="s">
        <v>131</v>
      </c>
      <c r="E602" s="15" t="s">
        <v>135</v>
      </c>
      <c r="F602" s="16">
        <v>180164</v>
      </c>
    </row>
    <row r="603" spans="1:6" ht="27" customHeight="1" x14ac:dyDescent="0.45">
      <c r="A603" s="17"/>
      <c r="B603" s="18"/>
      <c r="C603" s="15" t="s">
        <v>111</v>
      </c>
      <c r="D603" s="15" t="s">
        <v>131</v>
      </c>
      <c r="E603" s="15" t="s">
        <v>135</v>
      </c>
      <c r="F603" s="16">
        <v>155808</v>
      </c>
    </row>
    <row r="604" spans="1:6" ht="27" customHeight="1" x14ac:dyDescent="0.45">
      <c r="A604" s="17"/>
      <c r="B604" s="18"/>
      <c r="C604" s="15" t="s">
        <v>111</v>
      </c>
      <c r="D604" s="15" t="s">
        <v>131</v>
      </c>
      <c r="E604" s="15" t="s">
        <v>136</v>
      </c>
      <c r="F604" s="16">
        <v>150320</v>
      </c>
    </row>
    <row r="605" spans="1:6" ht="27" customHeight="1" x14ac:dyDescent="0.45">
      <c r="A605" s="17"/>
      <c r="B605" s="18"/>
      <c r="C605" s="15" t="s">
        <v>111</v>
      </c>
      <c r="D605" s="15" t="s">
        <v>131</v>
      </c>
      <c r="E605" s="15" t="s">
        <v>135</v>
      </c>
      <c r="F605" s="16">
        <v>149628</v>
      </c>
    </row>
    <row r="606" spans="1:6" ht="27" customHeight="1" x14ac:dyDescent="0.45">
      <c r="A606" s="17"/>
      <c r="B606" s="18"/>
      <c r="C606" s="15" t="s">
        <v>111</v>
      </c>
      <c r="D606" s="15" t="s">
        <v>131</v>
      </c>
      <c r="E606" s="15" t="s">
        <v>136</v>
      </c>
      <c r="F606" s="16">
        <v>146532</v>
      </c>
    </row>
    <row r="607" spans="1:6" ht="27" customHeight="1" x14ac:dyDescent="0.45">
      <c r="A607" s="17"/>
      <c r="B607" s="18"/>
      <c r="C607" s="15" t="s">
        <v>111</v>
      </c>
      <c r="D607" s="15" t="s">
        <v>131</v>
      </c>
      <c r="E607" s="15" t="s">
        <v>139</v>
      </c>
      <c r="F607" s="16">
        <v>138188</v>
      </c>
    </row>
    <row r="608" spans="1:6" ht="27" customHeight="1" x14ac:dyDescent="0.45">
      <c r="A608" s="17"/>
      <c r="B608" s="18"/>
      <c r="C608" s="15" t="s">
        <v>111</v>
      </c>
      <c r="D608" s="15" t="s">
        <v>131</v>
      </c>
      <c r="E608" s="15" t="s">
        <v>135</v>
      </c>
      <c r="F608" s="16">
        <v>133740</v>
      </c>
    </row>
    <row r="609" spans="1:6" ht="27" customHeight="1" x14ac:dyDescent="0.45">
      <c r="A609" s="17"/>
      <c r="B609" s="18"/>
      <c r="C609" s="15" t="s">
        <v>111</v>
      </c>
      <c r="D609" s="15" t="s">
        <v>131</v>
      </c>
      <c r="E609" s="15" t="s">
        <v>135</v>
      </c>
      <c r="F609" s="16">
        <v>133440</v>
      </c>
    </row>
    <row r="610" spans="1:6" ht="27" customHeight="1" x14ac:dyDescent="0.45">
      <c r="A610" s="17"/>
      <c r="B610" s="18"/>
      <c r="C610" s="32" t="s">
        <v>111</v>
      </c>
      <c r="D610" s="15" t="s">
        <v>131</v>
      </c>
      <c r="E610" s="15" t="s">
        <v>187</v>
      </c>
      <c r="F610" s="16">
        <v>130247</v>
      </c>
    </row>
    <row r="611" spans="1:6" ht="27" customHeight="1" x14ac:dyDescent="0.45">
      <c r="A611" s="17"/>
      <c r="B611" s="18"/>
      <c r="C611" s="32" t="s">
        <v>111</v>
      </c>
      <c r="D611" s="15" t="s">
        <v>131</v>
      </c>
      <c r="E611" s="15" t="s">
        <v>139</v>
      </c>
      <c r="F611" s="16">
        <v>125340</v>
      </c>
    </row>
    <row r="612" spans="1:6" ht="27" customHeight="1" x14ac:dyDescent="0.45">
      <c r="A612" s="17"/>
      <c r="B612" s="18"/>
      <c r="C612" s="15" t="s">
        <v>111</v>
      </c>
      <c r="D612" s="15" t="s">
        <v>131</v>
      </c>
      <c r="E612" s="15" t="s">
        <v>134</v>
      </c>
      <c r="F612" s="16">
        <v>125340</v>
      </c>
    </row>
    <row r="613" spans="1:6" ht="27" customHeight="1" x14ac:dyDescent="0.45">
      <c r="A613" s="17"/>
      <c r="B613" s="18"/>
      <c r="C613" s="15" t="s">
        <v>111</v>
      </c>
      <c r="D613" s="15" t="s">
        <v>131</v>
      </c>
      <c r="E613" s="15" t="s">
        <v>135</v>
      </c>
      <c r="F613" s="16">
        <v>114976</v>
      </c>
    </row>
    <row r="614" spans="1:6" ht="27" customHeight="1" x14ac:dyDescent="0.45">
      <c r="A614" s="17"/>
      <c r="B614" s="18"/>
      <c r="C614" s="15" t="s">
        <v>111</v>
      </c>
      <c r="D614" s="15" t="s">
        <v>131</v>
      </c>
      <c r="E614" s="15" t="s">
        <v>133</v>
      </c>
      <c r="F614" s="16">
        <v>102102</v>
      </c>
    </row>
    <row r="615" spans="1:6" ht="27" customHeight="1" x14ac:dyDescent="0.45">
      <c r="A615" s="17"/>
      <c r="B615" s="18"/>
      <c r="C615" s="15" t="s">
        <v>111</v>
      </c>
      <c r="D615" s="15" t="s">
        <v>131</v>
      </c>
      <c r="E615" s="15" t="s">
        <v>135</v>
      </c>
      <c r="F615" s="16">
        <v>85926</v>
      </c>
    </row>
    <row r="616" spans="1:6" ht="27" customHeight="1" x14ac:dyDescent="0.45">
      <c r="A616" s="17"/>
      <c r="B616" s="18"/>
      <c r="C616" s="15" t="s">
        <v>111</v>
      </c>
      <c r="D616" s="15" t="s">
        <v>131</v>
      </c>
      <c r="E616" s="15" t="s">
        <v>133</v>
      </c>
      <c r="F616" s="16">
        <v>82264</v>
      </c>
    </row>
    <row r="617" spans="1:6" ht="27" customHeight="1" x14ac:dyDescent="0.45">
      <c r="A617" s="17"/>
      <c r="B617" s="18"/>
      <c r="C617" s="15" t="s">
        <v>111</v>
      </c>
      <c r="D617" s="15" t="s">
        <v>131</v>
      </c>
      <c r="E617" s="15" t="s">
        <v>139</v>
      </c>
      <c r="F617" s="16">
        <v>81898</v>
      </c>
    </row>
    <row r="618" spans="1:6" ht="27" customHeight="1" x14ac:dyDescent="0.45">
      <c r="A618" s="17"/>
      <c r="B618" s="18"/>
      <c r="C618" s="15" t="s">
        <v>111</v>
      </c>
      <c r="D618" s="15" t="s">
        <v>131</v>
      </c>
      <c r="E618" s="15" t="s">
        <v>139</v>
      </c>
      <c r="F618" s="16">
        <v>80738</v>
      </c>
    </row>
    <row r="619" spans="1:6" ht="27" customHeight="1" x14ac:dyDescent="0.45">
      <c r="A619" s="17"/>
      <c r="B619" s="18"/>
      <c r="C619" s="15" t="s">
        <v>111</v>
      </c>
      <c r="D619" s="15" t="s">
        <v>131</v>
      </c>
      <c r="E619" s="15" t="s">
        <v>136</v>
      </c>
      <c r="F619" s="16">
        <v>78912</v>
      </c>
    </row>
    <row r="620" spans="1:6" ht="27" customHeight="1" x14ac:dyDescent="0.45">
      <c r="A620" s="17"/>
      <c r="B620" s="18"/>
      <c r="C620" s="15" t="s">
        <v>111</v>
      </c>
      <c r="D620" s="15" t="s">
        <v>131</v>
      </c>
      <c r="E620" s="15" t="s">
        <v>135</v>
      </c>
      <c r="F620" s="16">
        <v>70652</v>
      </c>
    </row>
    <row r="621" spans="1:6" ht="27" customHeight="1" x14ac:dyDescent="0.45">
      <c r="A621" s="17"/>
      <c r="B621" s="18"/>
      <c r="C621" s="15" t="s">
        <v>111</v>
      </c>
      <c r="D621" s="15" t="s">
        <v>131</v>
      </c>
      <c r="E621" s="15" t="s">
        <v>136</v>
      </c>
      <c r="F621" s="16">
        <v>65712</v>
      </c>
    </row>
    <row r="622" spans="1:6" ht="27" customHeight="1" x14ac:dyDescent="0.45">
      <c r="A622" s="17"/>
      <c r="B622" s="18"/>
      <c r="C622" s="15" t="s">
        <v>111</v>
      </c>
      <c r="D622" s="15" t="s">
        <v>131</v>
      </c>
      <c r="E622" s="15" t="s">
        <v>139</v>
      </c>
      <c r="F622" s="16">
        <v>65326</v>
      </c>
    </row>
    <row r="623" spans="1:6" ht="27" customHeight="1" x14ac:dyDescent="0.45">
      <c r="A623" s="17"/>
      <c r="B623" s="18"/>
      <c r="C623" s="15" t="s">
        <v>111</v>
      </c>
      <c r="D623" s="15" t="s">
        <v>131</v>
      </c>
      <c r="E623" s="15" t="s">
        <v>139</v>
      </c>
      <c r="F623" s="16">
        <v>61516</v>
      </c>
    </row>
    <row r="624" spans="1:6" ht="27" customHeight="1" x14ac:dyDescent="0.45">
      <c r="A624" s="17"/>
      <c r="B624" s="18"/>
      <c r="C624" s="15" t="s">
        <v>111</v>
      </c>
      <c r="D624" s="15" t="s">
        <v>131</v>
      </c>
      <c r="E624" s="15" t="s">
        <v>139</v>
      </c>
      <c r="F624" s="16">
        <v>60988</v>
      </c>
    </row>
    <row r="625" spans="1:6" ht="27" customHeight="1" x14ac:dyDescent="0.45">
      <c r="A625" s="17"/>
      <c r="B625" s="18"/>
      <c r="C625" s="15" t="s">
        <v>111</v>
      </c>
      <c r="D625" s="15" t="s">
        <v>131</v>
      </c>
      <c r="E625" s="15" t="s">
        <v>139</v>
      </c>
      <c r="F625" s="16">
        <v>56192</v>
      </c>
    </row>
    <row r="626" spans="1:6" ht="27" customHeight="1" x14ac:dyDescent="0.45">
      <c r="A626" s="17"/>
      <c r="B626" s="18"/>
      <c r="C626" s="15" t="s">
        <v>111</v>
      </c>
      <c r="D626" s="15" t="s">
        <v>131</v>
      </c>
      <c r="E626" s="15" t="s">
        <v>134</v>
      </c>
      <c r="F626" s="16">
        <v>55096</v>
      </c>
    </row>
    <row r="627" spans="1:6" ht="27" customHeight="1" x14ac:dyDescent="0.45">
      <c r="A627" s="17"/>
      <c r="B627" s="18"/>
      <c r="C627" s="15" t="s">
        <v>111</v>
      </c>
      <c r="D627" s="15" t="s">
        <v>131</v>
      </c>
      <c r="E627" s="15" t="s">
        <v>139</v>
      </c>
      <c r="F627" s="16">
        <v>50692</v>
      </c>
    </row>
    <row r="628" spans="1:6" ht="27" customHeight="1" x14ac:dyDescent="0.45">
      <c r="A628" s="21"/>
      <c r="B628" s="22"/>
      <c r="C628" s="32" t="s">
        <v>111</v>
      </c>
      <c r="D628" s="15" t="s">
        <v>131</v>
      </c>
      <c r="E628" s="15" t="s">
        <v>135</v>
      </c>
      <c r="F628" s="16">
        <v>44770</v>
      </c>
    </row>
    <row r="629" spans="1:6" ht="27" customHeight="1" x14ac:dyDescent="0.45">
      <c r="A629" s="31"/>
      <c r="B629" s="14"/>
      <c r="C629" s="32" t="s">
        <v>111</v>
      </c>
      <c r="D629" s="15" t="s">
        <v>131</v>
      </c>
      <c r="E629" s="15" t="s">
        <v>135</v>
      </c>
      <c r="F629" s="16">
        <v>42814</v>
      </c>
    </row>
    <row r="630" spans="1:6" ht="27" customHeight="1" x14ac:dyDescent="0.45">
      <c r="A630" s="17"/>
      <c r="B630" s="18"/>
      <c r="C630" s="15" t="s">
        <v>111</v>
      </c>
      <c r="D630" s="15" t="s">
        <v>131</v>
      </c>
      <c r="E630" s="15" t="s">
        <v>139</v>
      </c>
      <c r="F630" s="16">
        <v>41904</v>
      </c>
    </row>
    <row r="631" spans="1:6" ht="27" customHeight="1" x14ac:dyDescent="0.45">
      <c r="A631" s="17"/>
      <c r="B631" s="18"/>
      <c r="C631" s="15" t="s">
        <v>111</v>
      </c>
      <c r="D631" s="15" t="s">
        <v>131</v>
      </c>
      <c r="E631" s="15" t="s">
        <v>134</v>
      </c>
      <c r="F631" s="16">
        <v>40360</v>
      </c>
    </row>
    <row r="632" spans="1:6" ht="27" customHeight="1" x14ac:dyDescent="0.45">
      <c r="A632" s="17"/>
      <c r="B632" s="18"/>
      <c r="C632" s="15" t="s">
        <v>111</v>
      </c>
      <c r="D632" s="15" t="s">
        <v>131</v>
      </c>
      <c r="E632" s="15" t="s">
        <v>139</v>
      </c>
      <c r="F632" s="16">
        <v>40000</v>
      </c>
    </row>
    <row r="633" spans="1:6" ht="27" customHeight="1" x14ac:dyDescent="0.45">
      <c r="A633" s="17"/>
      <c r="B633" s="18"/>
      <c r="C633" s="15" t="s">
        <v>111</v>
      </c>
      <c r="D633" s="15" t="s">
        <v>131</v>
      </c>
      <c r="E633" s="15" t="s">
        <v>134</v>
      </c>
      <c r="F633" s="16">
        <v>39132</v>
      </c>
    </row>
    <row r="634" spans="1:6" ht="27" customHeight="1" x14ac:dyDescent="0.45">
      <c r="A634" s="17"/>
      <c r="B634" s="18"/>
      <c r="C634" s="15" t="s">
        <v>111</v>
      </c>
      <c r="D634" s="15" t="s">
        <v>131</v>
      </c>
      <c r="E634" s="15" t="s">
        <v>139</v>
      </c>
      <c r="F634" s="16">
        <v>36832</v>
      </c>
    </row>
    <row r="635" spans="1:6" ht="27" customHeight="1" x14ac:dyDescent="0.45">
      <c r="A635" s="17"/>
      <c r="B635" s="18"/>
      <c r="C635" s="15" t="s">
        <v>111</v>
      </c>
      <c r="D635" s="15" t="s">
        <v>131</v>
      </c>
      <c r="E635" s="15" t="s">
        <v>134</v>
      </c>
      <c r="F635" s="16">
        <v>25624</v>
      </c>
    </row>
    <row r="636" spans="1:6" ht="27" customHeight="1" x14ac:dyDescent="0.45">
      <c r="A636" s="17"/>
      <c r="B636" s="18"/>
      <c r="C636" s="15" t="s">
        <v>111</v>
      </c>
      <c r="D636" s="15" t="s">
        <v>131</v>
      </c>
      <c r="E636" s="15" t="s">
        <v>139</v>
      </c>
      <c r="F636" s="16">
        <v>25000</v>
      </c>
    </row>
    <row r="637" spans="1:6" ht="27" customHeight="1" x14ac:dyDescent="0.45">
      <c r="A637" s="17"/>
      <c r="B637" s="18"/>
      <c r="C637" s="15" t="s">
        <v>111</v>
      </c>
      <c r="D637" s="15" t="s">
        <v>131</v>
      </c>
      <c r="E637" s="15" t="s">
        <v>134</v>
      </c>
      <c r="F637" s="16">
        <v>24500</v>
      </c>
    </row>
    <row r="638" spans="1:6" ht="27" customHeight="1" x14ac:dyDescent="0.45">
      <c r="A638" s="17"/>
      <c r="B638" s="18"/>
      <c r="C638" s="15" t="s">
        <v>111</v>
      </c>
      <c r="D638" s="15" t="s">
        <v>131</v>
      </c>
      <c r="E638" s="15" t="s">
        <v>136</v>
      </c>
      <c r="F638" s="16">
        <v>21270</v>
      </c>
    </row>
    <row r="639" spans="1:6" ht="27" customHeight="1" x14ac:dyDescent="0.45">
      <c r="A639" s="17"/>
      <c r="B639" s="18"/>
      <c r="C639" s="15" t="s">
        <v>111</v>
      </c>
      <c r="D639" s="15" t="s">
        <v>131</v>
      </c>
      <c r="E639" s="15" t="s">
        <v>133</v>
      </c>
      <c r="F639" s="16">
        <v>18416</v>
      </c>
    </row>
    <row r="640" spans="1:6" ht="27" customHeight="1" x14ac:dyDescent="0.45">
      <c r="A640" s="17"/>
      <c r="B640" s="18"/>
      <c r="C640" s="15" t="s">
        <v>111</v>
      </c>
      <c r="D640" s="15" t="s">
        <v>131</v>
      </c>
      <c r="E640" s="15" t="s">
        <v>136</v>
      </c>
      <c r="F640" s="16">
        <v>18416</v>
      </c>
    </row>
    <row r="641" spans="1:6" ht="27" customHeight="1" x14ac:dyDescent="0.45">
      <c r="A641" s="17"/>
      <c r="B641" s="18"/>
      <c r="C641" s="15" t="s">
        <v>111</v>
      </c>
      <c r="D641" s="15" t="s">
        <v>131</v>
      </c>
      <c r="E641" s="15" t="s">
        <v>133</v>
      </c>
      <c r="F641" s="16">
        <v>14176</v>
      </c>
    </row>
    <row r="642" spans="1:6" ht="27" customHeight="1" x14ac:dyDescent="0.45">
      <c r="A642" s="17"/>
      <c r="B642" s="18"/>
      <c r="C642" s="15" t="s">
        <v>111</v>
      </c>
      <c r="D642" s="15" t="s">
        <v>131</v>
      </c>
      <c r="E642" s="15" t="s">
        <v>133</v>
      </c>
      <c r="F642" s="16">
        <v>13636</v>
      </c>
    </row>
    <row r="643" spans="1:6" ht="27" customHeight="1" x14ac:dyDescent="0.45">
      <c r="A643" s="17"/>
      <c r="B643" s="18"/>
      <c r="C643" s="15" t="s">
        <v>111</v>
      </c>
      <c r="D643" s="15" t="s">
        <v>131</v>
      </c>
      <c r="E643" s="15" t="s">
        <v>139</v>
      </c>
      <c r="F643" s="16">
        <v>12500</v>
      </c>
    </row>
    <row r="644" spans="1:6" ht="27" customHeight="1" x14ac:dyDescent="0.45">
      <c r="A644" s="17"/>
      <c r="B644" s="18"/>
      <c r="C644" s="32" t="s">
        <v>111</v>
      </c>
      <c r="D644" s="15" t="s">
        <v>131</v>
      </c>
      <c r="E644" s="15" t="s">
        <v>139</v>
      </c>
      <c r="F644" s="16">
        <v>8640</v>
      </c>
    </row>
    <row r="645" spans="1:6" ht="27" customHeight="1" x14ac:dyDescent="0.45">
      <c r="A645" s="17"/>
      <c r="B645" s="18"/>
      <c r="C645" s="32" t="s">
        <v>111</v>
      </c>
      <c r="D645" s="15" t="s">
        <v>131</v>
      </c>
      <c r="E645" s="15" t="s">
        <v>136</v>
      </c>
      <c r="F645" s="16">
        <v>8358</v>
      </c>
    </row>
    <row r="646" spans="1:6" ht="27" customHeight="1" x14ac:dyDescent="0.45">
      <c r="A646" s="17"/>
      <c r="B646" s="18"/>
      <c r="C646" s="15" t="s">
        <v>111</v>
      </c>
      <c r="D646" s="15" t="s">
        <v>131</v>
      </c>
      <c r="E646" s="15" t="s">
        <v>139</v>
      </c>
      <c r="F646" s="16">
        <v>7500</v>
      </c>
    </row>
    <row r="647" spans="1:6" ht="27" customHeight="1" x14ac:dyDescent="0.45">
      <c r="A647" s="17"/>
      <c r="B647" s="18"/>
      <c r="C647" s="15" t="s">
        <v>111</v>
      </c>
      <c r="D647" s="15" t="s">
        <v>131</v>
      </c>
      <c r="E647" s="15" t="s">
        <v>134</v>
      </c>
      <c r="F647" s="16">
        <v>6900</v>
      </c>
    </row>
    <row r="648" spans="1:6" ht="27" customHeight="1" x14ac:dyDescent="0.45">
      <c r="A648" s="17"/>
      <c r="B648" s="18"/>
      <c r="C648" s="15" t="s">
        <v>111</v>
      </c>
      <c r="D648" s="15" t="s">
        <v>131</v>
      </c>
      <c r="E648" s="15" t="s">
        <v>133</v>
      </c>
      <c r="F648" s="16">
        <v>4460</v>
      </c>
    </row>
    <row r="649" spans="1:6" ht="27" customHeight="1" x14ac:dyDescent="0.45">
      <c r="A649" s="17"/>
      <c r="B649" s="18"/>
      <c r="C649" s="15" t="s">
        <v>111</v>
      </c>
      <c r="D649" s="15" t="s">
        <v>131</v>
      </c>
      <c r="E649" s="15" t="s">
        <v>134</v>
      </c>
      <c r="F649" s="16">
        <v>2020</v>
      </c>
    </row>
    <row r="650" spans="1:6" ht="27" customHeight="1" x14ac:dyDescent="0.45">
      <c r="A650" s="17"/>
      <c r="B650" s="18"/>
      <c r="C650" s="15" t="s">
        <v>111</v>
      </c>
      <c r="D650" s="15" t="s">
        <v>131</v>
      </c>
      <c r="E650" s="15" t="s">
        <v>135</v>
      </c>
      <c r="F650" s="16">
        <v>1660</v>
      </c>
    </row>
    <row r="651" spans="1:6" ht="27" customHeight="1" x14ac:dyDescent="0.45">
      <c r="A651" s="17"/>
      <c r="B651" s="18"/>
      <c r="C651" s="15" t="s">
        <v>111</v>
      </c>
      <c r="D651" s="15" t="s">
        <v>131</v>
      </c>
      <c r="E651" s="15" t="s">
        <v>139</v>
      </c>
      <c r="F651" s="16">
        <v>1460</v>
      </c>
    </row>
    <row r="652" spans="1:6" ht="27" customHeight="1" x14ac:dyDescent="0.45">
      <c r="A652" s="17"/>
      <c r="B652" s="18"/>
      <c r="C652" s="15" t="s">
        <v>111</v>
      </c>
      <c r="D652" s="15" t="s">
        <v>131</v>
      </c>
      <c r="E652" s="15" t="s">
        <v>139</v>
      </c>
      <c r="F652" s="16">
        <v>1280</v>
      </c>
    </row>
    <row r="653" spans="1:6" ht="27" customHeight="1" thickBot="1" x14ac:dyDescent="0.5">
      <c r="A653" s="17"/>
      <c r="B653" s="18"/>
      <c r="C653" s="19" t="s">
        <v>111</v>
      </c>
      <c r="D653" s="19" t="s">
        <v>131</v>
      </c>
      <c r="E653" s="19" t="s">
        <v>139</v>
      </c>
      <c r="F653" s="20">
        <v>1190</v>
      </c>
    </row>
    <row r="654" spans="1:6" ht="27" customHeight="1" thickTop="1" x14ac:dyDescent="0.45">
      <c r="A654" s="21"/>
      <c r="B654" s="22"/>
      <c r="C654" s="23" t="s">
        <v>116</v>
      </c>
      <c r="D654" s="24"/>
      <c r="E654" s="25" t="s">
        <v>217</v>
      </c>
      <c r="F654" s="26">
        <v>631746054</v>
      </c>
    </row>
    <row r="655" spans="1:6" ht="27" customHeight="1" x14ac:dyDescent="0.45">
      <c r="F655" s="3"/>
    </row>
    <row r="656" spans="1:6" ht="27" customHeight="1" x14ac:dyDescent="0.45">
      <c r="A656" s="5" t="s">
        <v>2</v>
      </c>
      <c r="B656" s="5" t="s">
        <v>107</v>
      </c>
      <c r="C656" s="5" t="s">
        <v>108</v>
      </c>
      <c r="D656" s="5" t="s">
        <v>109</v>
      </c>
      <c r="E656" s="5" t="s">
        <v>110</v>
      </c>
      <c r="F656" s="12" t="s">
        <v>5</v>
      </c>
    </row>
    <row r="657" spans="1:6" ht="27" customHeight="1" x14ac:dyDescent="0.45">
      <c r="A657" s="13">
        <v>21</v>
      </c>
      <c r="B657" s="14" t="s">
        <v>26</v>
      </c>
      <c r="C657" s="15" t="s">
        <v>111</v>
      </c>
      <c r="D657" s="15" t="s">
        <v>149</v>
      </c>
      <c r="E657" s="15" t="s">
        <v>150</v>
      </c>
      <c r="F657" s="16">
        <v>86579950</v>
      </c>
    </row>
    <row r="658" spans="1:6" ht="27" customHeight="1" x14ac:dyDescent="0.45">
      <c r="A658" s="17"/>
      <c r="B658" s="18"/>
      <c r="C658" s="15" t="s">
        <v>111</v>
      </c>
      <c r="D658" s="15" t="s">
        <v>149</v>
      </c>
      <c r="E658" s="15" t="s">
        <v>150</v>
      </c>
      <c r="F658" s="16">
        <v>76572702</v>
      </c>
    </row>
    <row r="659" spans="1:6" ht="27" customHeight="1" x14ac:dyDescent="0.45">
      <c r="A659" s="17"/>
      <c r="B659" s="18"/>
      <c r="C659" s="15" t="s">
        <v>111</v>
      </c>
      <c r="D659" s="15" t="s">
        <v>149</v>
      </c>
      <c r="E659" s="15" t="s">
        <v>150</v>
      </c>
      <c r="F659" s="16">
        <v>63855000</v>
      </c>
    </row>
    <row r="660" spans="1:6" ht="27" customHeight="1" x14ac:dyDescent="0.45">
      <c r="A660" s="17"/>
      <c r="B660" s="18"/>
      <c r="C660" s="15" t="s">
        <v>111</v>
      </c>
      <c r="D660" s="15" t="s">
        <v>149</v>
      </c>
      <c r="E660" s="15" t="s">
        <v>150</v>
      </c>
      <c r="F660" s="16">
        <v>57420000</v>
      </c>
    </row>
    <row r="661" spans="1:6" ht="27" customHeight="1" x14ac:dyDescent="0.45">
      <c r="A661" s="17"/>
      <c r="B661" s="18"/>
      <c r="C661" s="15" t="s">
        <v>111</v>
      </c>
      <c r="D661" s="15" t="s">
        <v>149</v>
      </c>
      <c r="E661" s="15" t="s">
        <v>150</v>
      </c>
      <c r="F661" s="16">
        <v>48510000</v>
      </c>
    </row>
    <row r="662" spans="1:6" ht="27" customHeight="1" x14ac:dyDescent="0.45">
      <c r="A662" s="17"/>
      <c r="B662" s="18"/>
      <c r="C662" s="15" t="s">
        <v>111</v>
      </c>
      <c r="D662" s="15" t="s">
        <v>149</v>
      </c>
      <c r="E662" s="15" t="s">
        <v>150</v>
      </c>
      <c r="F662" s="16">
        <v>47355000</v>
      </c>
    </row>
    <row r="663" spans="1:6" ht="27" customHeight="1" x14ac:dyDescent="0.45">
      <c r="A663" s="17"/>
      <c r="B663" s="18"/>
      <c r="C663" s="15" t="s">
        <v>111</v>
      </c>
      <c r="D663" s="15" t="s">
        <v>149</v>
      </c>
      <c r="E663" s="15" t="s">
        <v>150</v>
      </c>
      <c r="F663" s="16">
        <v>35722500</v>
      </c>
    </row>
    <row r="664" spans="1:6" ht="27" customHeight="1" x14ac:dyDescent="0.45">
      <c r="A664" s="17"/>
      <c r="B664" s="18"/>
      <c r="C664" s="15" t="s">
        <v>111</v>
      </c>
      <c r="D664" s="15" t="s">
        <v>149</v>
      </c>
      <c r="E664" s="15" t="s">
        <v>150</v>
      </c>
      <c r="F664" s="16">
        <v>32070500</v>
      </c>
    </row>
    <row r="665" spans="1:6" ht="27" customHeight="1" x14ac:dyDescent="0.45">
      <c r="A665" s="21"/>
      <c r="B665" s="22"/>
      <c r="C665" s="32" t="s">
        <v>111</v>
      </c>
      <c r="D665" s="15" t="s">
        <v>149</v>
      </c>
      <c r="E665" s="15" t="s">
        <v>150</v>
      </c>
      <c r="F665" s="16">
        <v>29136800</v>
      </c>
    </row>
    <row r="666" spans="1:6" ht="27" customHeight="1" x14ac:dyDescent="0.45">
      <c r="A666" s="31"/>
      <c r="B666" s="14"/>
      <c r="C666" s="32" t="s">
        <v>111</v>
      </c>
      <c r="D666" s="15" t="s">
        <v>149</v>
      </c>
      <c r="E666" s="15" t="s">
        <v>150</v>
      </c>
      <c r="F666" s="16">
        <v>24324300</v>
      </c>
    </row>
    <row r="667" spans="1:6" ht="27" customHeight="1" x14ac:dyDescent="0.45">
      <c r="A667" s="17"/>
      <c r="B667" s="18"/>
      <c r="C667" s="15" t="s">
        <v>111</v>
      </c>
      <c r="D667" s="15" t="s">
        <v>149</v>
      </c>
      <c r="E667" s="15" t="s">
        <v>150</v>
      </c>
      <c r="F667" s="16">
        <v>21806400</v>
      </c>
    </row>
    <row r="668" spans="1:6" ht="27" customHeight="1" x14ac:dyDescent="0.45">
      <c r="A668" s="17"/>
      <c r="B668" s="18"/>
      <c r="C668" s="15" t="s">
        <v>111</v>
      </c>
      <c r="D668" s="15" t="s">
        <v>149</v>
      </c>
      <c r="E668" s="15" t="s">
        <v>150</v>
      </c>
      <c r="F668" s="16">
        <v>19269250</v>
      </c>
    </row>
    <row r="669" spans="1:6" ht="27" customHeight="1" x14ac:dyDescent="0.45">
      <c r="A669" s="17"/>
      <c r="B669" s="18"/>
      <c r="C669" s="15" t="s">
        <v>111</v>
      </c>
      <c r="D669" s="15" t="s">
        <v>149</v>
      </c>
      <c r="E669" s="15" t="s">
        <v>150</v>
      </c>
      <c r="F669" s="16">
        <v>19269250</v>
      </c>
    </row>
    <row r="670" spans="1:6" ht="27" customHeight="1" x14ac:dyDescent="0.45">
      <c r="A670" s="17"/>
      <c r="B670" s="18"/>
      <c r="C670" s="15" t="s">
        <v>111</v>
      </c>
      <c r="D670" s="15" t="s">
        <v>149</v>
      </c>
      <c r="E670" s="15" t="s">
        <v>150</v>
      </c>
      <c r="F670" s="16">
        <v>14225750</v>
      </c>
    </row>
    <row r="671" spans="1:6" ht="27" customHeight="1" thickBot="1" x14ac:dyDescent="0.5">
      <c r="A671" s="17"/>
      <c r="B671" s="18"/>
      <c r="C671" s="19" t="s">
        <v>162</v>
      </c>
      <c r="D671" s="19" t="s">
        <v>126</v>
      </c>
      <c r="E671" s="19" t="s">
        <v>218</v>
      </c>
      <c r="F671" s="20">
        <v>726000</v>
      </c>
    </row>
    <row r="672" spans="1:6" ht="27" customHeight="1" thickTop="1" x14ac:dyDescent="0.45">
      <c r="A672" s="21"/>
      <c r="B672" s="22"/>
      <c r="C672" s="23" t="s">
        <v>116</v>
      </c>
      <c r="D672" s="24"/>
      <c r="E672" s="25" t="s">
        <v>219</v>
      </c>
      <c r="F672" s="26">
        <v>576843402</v>
      </c>
    </row>
    <row r="673" spans="1:6" ht="27" customHeight="1" x14ac:dyDescent="0.45">
      <c r="F673" s="3"/>
    </row>
    <row r="674" spans="1:6" ht="27" customHeight="1" x14ac:dyDescent="0.45">
      <c r="A674" s="5" t="s">
        <v>2</v>
      </c>
      <c r="B674" s="5" t="s">
        <v>107</v>
      </c>
      <c r="C674" s="5" t="s">
        <v>108</v>
      </c>
      <c r="D674" s="5" t="s">
        <v>109</v>
      </c>
      <c r="E674" s="5" t="s">
        <v>110</v>
      </c>
      <c r="F674" s="12" t="s">
        <v>5</v>
      </c>
    </row>
    <row r="675" spans="1:6" ht="27" customHeight="1" thickBot="1" x14ac:dyDescent="0.5">
      <c r="A675" s="13">
        <v>22</v>
      </c>
      <c r="B675" s="29" t="s">
        <v>27</v>
      </c>
      <c r="C675" s="19" t="s">
        <v>111</v>
      </c>
      <c r="D675" s="19" t="s">
        <v>114</v>
      </c>
      <c r="E675" s="19" t="s">
        <v>155</v>
      </c>
      <c r="F675" s="20">
        <v>568260000</v>
      </c>
    </row>
    <row r="676" spans="1:6" ht="27" customHeight="1" thickTop="1" x14ac:dyDescent="0.45">
      <c r="A676" s="21"/>
      <c r="B676" s="34"/>
      <c r="C676" s="23" t="s">
        <v>116</v>
      </c>
      <c r="D676" s="24"/>
      <c r="E676" s="25" t="s">
        <v>120</v>
      </c>
      <c r="F676" s="26">
        <v>568260000</v>
      </c>
    </row>
    <row r="677" spans="1:6" ht="27" customHeight="1" x14ac:dyDescent="0.45">
      <c r="F677" s="3"/>
    </row>
    <row r="678" spans="1:6" ht="27" customHeight="1" x14ac:dyDescent="0.45">
      <c r="A678" s="5" t="s">
        <v>2</v>
      </c>
      <c r="B678" s="5" t="s">
        <v>107</v>
      </c>
      <c r="C678" s="5" t="s">
        <v>108</v>
      </c>
      <c r="D678" s="5" t="s">
        <v>109</v>
      </c>
      <c r="E678" s="5" t="s">
        <v>110</v>
      </c>
      <c r="F678" s="12" t="s">
        <v>5</v>
      </c>
    </row>
    <row r="679" spans="1:6" ht="27" customHeight="1" x14ac:dyDescent="0.45">
      <c r="A679" s="13">
        <v>23</v>
      </c>
      <c r="B679" s="29" t="s">
        <v>220</v>
      </c>
      <c r="C679" s="15" t="s">
        <v>111</v>
      </c>
      <c r="D679" s="15" t="s">
        <v>129</v>
      </c>
      <c r="E679" s="15" t="s">
        <v>137</v>
      </c>
      <c r="F679" s="16">
        <v>472114492</v>
      </c>
    </row>
    <row r="680" spans="1:6" ht="27" customHeight="1" x14ac:dyDescent="0.45">
      <c r="A680" s="17"/>
      <c r="B680" s="30"/>
      <c r="C680" s="15" t="s">
        <v>111</v>
      </c>
      <c r="D680" s="15" t="s">
        <v>129</v>
      </c>
      <c r="E680" s="15" t="s">
        <v>191</v>
      </c>
      <c r="F680" s="16">
        <v>12934053</v>
      </c>
    </row>
    <row r="681" spans="1:6" ht="27" customHeight="1" x14ac:dyDescent="0.45">
      <c r="A681" s="17"/>
      <c r="B681" s="18"/>
      <c r="C681" s="15" t="s">
        <v>111</v>
      </c>
      <c r="D681" s="15" t="s">
        <v>207</v>
      </c>
      <c r="E681" s="15" t="s">
        <v>221</v>
      </c>
      <c r="F681" s="16">
        <v>9676890</v>
      </c>
    </row>
    <row r="682" spans="1:6" ht="27" customHeight="1" x14ac:dyDescent="0.45">
      <c r="A682" s="17"/>
      <c r="B682" s="18"/>
      <c r="C682" s="15" t="s">
        <v>111</v>
      </c>
      <c r="D682" s="15" t="s">
        <v>129</v>
      </c>
      <c r="E682" s="15" t="s">
        <v>191</v>
      </c>
      <c r="F682" s="16">
        <v>9670668</v>
      </c>
    </row>
    <row r="683" spans="1:6" ht="27" customHeight="1" x14ac:dyDescent="0.45">
      <c r="A683" s="17"/>
      <c r="B683" s="18"/>
      <c r="C683" s="15" t="s">
        <v>111</v>
      </c>
      <c r="D683" s="15" t="s">
        <v>207</v>
      </c>
      <c r="E683" s="15" t="s">
        <v>222</v>
      </c>
      <c r="F683" s="16">
        <v>8227000</v>
      </c>
    </row>
    <row r="684" spans="1:6" ht="27" customHeight="1" x14ac:dyDescent="0.45">
      <c r="A684" s="17"/>
      <c r="B684" s="18"/>
      <c r="C684" s="15" t="s">
        <v>111</v>
      </c>
      <c r="D684" s="15" t="s">
        <v>129</v>
      </c>
      <c r="E684" s="15" t="s">
        <v>137</v>
      </c>
      <c r="F684" s="16">
        <v>1567500</v>
      </c>
    </row>
    <row r="685" spans="1:6" ht="27" customHeight="1" x14ac:dyDescent="0.45">
      <c r="A685" s="17"/>
      <c r="B685" s="18"/>
      <c r="C685" s="15" t="s">
        <v>111</v>
      </c>
      <c r="D685" s="15" t="s">
        <v>129</v>
      </c>
      <c r="E685" s="15" t="s">
        <v>188</v>
      </c>
      <c r="F685" s="16">
        <v>1182600</v>
      </c>
    </row>
    <row r="686" spans="1:6" ht="27" customHeight="1" x14ac:dyDescent="0.45">
      <c r="A686" s="17"/>
      <c r="B686" s="18"/>
      <c r="C686" s="15" t="s">
        <v>111</v>
      </c>
      <c r="D686" s="15" t="s">
        <v>129</v>
      </c>
      <c r="E686" s="15" t="s">
        <v>223</v>
      </c>
      <c r="F686" s="16">
        <v>1166204</v>
      </c>
    </row>
    <row r="687" spans="1:6" ht="27" customHeight="1" x14ac:dyDescent="0.45">
      <c r="A687" s="17"/>
      <c r="B687" s="18"/>
      <c r="C687" s="15" t="s">
        <v>162</v>
      </c>
      <c r="D687" s="15" t="s">
        <v>207</v>
      </c>
      <c r="E687" s="15" t="s">
        <v>222</v>
      </c>
      <c r="F687" s="16">
        <v>1095500</v>
      </c>
    </row>
    <row r="688" spans="1:6" ht="27" customHeight="1" x14ac:dyDescent="0.45">
      <c r="A688" s="17"/>
      <c r="B688" s="18"/>
      <c r="C688" s="15" t="s">
        <v>111</v>
      </c>
      <c r="D688" s="15" t="s">
        <v>131</v>
      </c>
      <c r="E688" s="15" t="s">
        <v>224</v>
      </c>
      <c r="F688" s="16">
        <v>948000</v>
      </c>
    </row>
    <row r="689" spans="1:6" ht="27" customHeight="1" x14ac:dyDescent="0.45">
      <c r="A689" s="17"/>
      <c r="B689" s="18"/>
      <c r="C689" s="15" t="s">
        <v>111</v>
      </c>
      <c r="D689" s="15" t="s">
        <v>131</v>
      </c>
      <c r="E689" s="15" t="s">
        <v>224</v>
      </c>
      <c r="F689" s="16">
        <v>630000</v>
      </c>
    </row>
    <row r="690" spans="1:6" ht="27" customHeight="1" x14ac:dyDescent="0.45">
      <c r="A690" s="17"/>
      <c r="B690" s="18"/>
      <c r="C690" s="15" t="s">
        <v>111</v>
      </c>
      <c r="D690" s="15" t="s">
        <v>131</v>
      </c>
      <c r="E690" s="15" t="s">
        <v>224</v>
      </c>
      <c r="F690" s="16">
        <v>570000</v>
      </c>
    </row>
    <row r="691" spans="1:6" ht="27" customHeight="1" x14ac:dyDescent="0.45">
      <c r="A691" s="17"/>
      <c r="B691" s="18"/>
      <c r="C691" s="15" t="s">
        <v>111</v>
      </c>
      <c r="D691" s="15" t="s">
        <v>131</v>
      </c>
      <c r="E691" s="15" t="s">
        <v>224</v>
      </c>
      <c r="F691" s="16">
        <v>570000</v>
      </c>
    </row>
    <row r="692" spans="1:6" ht="27" customHeight="1" x14ac:dyDescent="0.45">
      <c r="A692" s="17"/>
      <c r="B692" s="18"/>
      <c r="C692" s="15" t="s">
        <v>111</v>
      </c>
      <c r="D692" s="15" t="s">
        <v>129</v>
      </c>
      <c r="E692" s="15" t="s">
        <v>191</v>
      </c>
      <c r="F692" s="16">
        <v>315000</v>
      </c>
    </row>
    <row r="693" spans="1:6" ht="27" customHeight="1" x14ac:dyDescent="0.45">
      <c r="A693" s="17"/>
      <c r="B693" s="18"/>
      <c r="C693" s="15" t="s">
        <v>111</v>
      </c>
      <c r="D693" s="15" t="s">
        <v>129</v>
      </c>
      <c r="E693" s="15" t="s">
        <v>223</v>
      </c>
      <c r="F693" s="16">
        <v>303518</v>
      </c>
    </row>
    <row r="694" spans="1:6" ht="27" customHeight="1" x14ac:dyDescent="0.45">
      <c r="A694" s="17"/>
      <c r="B694" s="18"/>
      <c r="C694" s="15" t="s">
        <v>111</v>
      </c>
      <c r="D694" s="15" t="s">
        <v>129</v>
      </c>
      <c r="E694" s="15" t="s">
        <v>191</v>
      </c>
      <c r="F694" s="16">
        <v>184591</v>
      </c>
    </row>
    <row r="695" spans="1:6" ht="27" customHeight="1" thickBot="1" x14ac:dyDescent="0.5">
      <c r="A695" s="17"/>
      <c r="B695" s="18"/>
      <c r="C695" s="19" t="s">
        <v>111</v>
      </c>
      <c r="D695" s="19" t="s">
        <v>129</v>
      </c>
      <c r="E695" s="19" t="s">
        <v>138</v>
      </c>
      <c r="F695" s="20">
        <v>15202</v>
      </c>
    </row>
    <row r="696" spans="1:6" ht="27" customHeight="1" thickTop="1" x14ac:dyDescent="0.45">
      <c r="A696" s="21"/>
      <c r="B696" s="22"/>
      <c r="C696" s="23" t="s">
        <v>116</v>
      </c>
      <c r="D696" s="24"/>
      <c r="E696" s="25" t="s">
        <v>225</v>
      </c>
      <c r="F696" s="26">
        <v>521171218</v>
      </c>
    </row>
    <row r="697" spans="1:6" ht="27" customHeight="1" x14ac:dyDescent="0.45">
      <c r="F697" s="3"/>
    </row>
    <row r="698" spans="1:6" ht="27" customHeight="1" x14ac:dyDescent="0.45">
      <c r="A698" s="5" t="s">
        <v>2</v>
      </c>
      <c r="B698" s="5" t="s">
        <v>107</v>
      </c>
      <c r="C698" s="5" t="s">
        <v>108</v>
      </c>
      <c r="D698" s="5" t="s">
        <v>109</v>
      </c>
      <c r="E698" s="5" t="s">
        <v>110</v>
      </c>
      <c r="F698" s="12" t="s">
        <v>5</v>
      </c>
    </row>
    <row r="699" spans="1:6" ht="27" customHeight="1" x14ac:dyDescent="0.45">
      <c r="A699" s="13">
        <v>24</v>
      </c>
      <c r="B699" s="29" t="s">
        <v>29</v>
      </c>
      <c r="C699" s="15" t="s">
        <v>152</v>
      </c>
      <c r="D699" s="15" t="s">
        <v>122</v>
      </c>
      <c r="E699" s="15" t="s">
        <v>226</v>
      </c>
      <c r="F699" s="16">
        <v>99102000</v>
      </c>
    </row>
    <row r="700" spans="1:6" ht="27" customHeight="1" x14ac:dyDescent="0.45">
      <c r="A700" s="17"/>
      <c r="B700" s="30"/>
      <c r="C700" s="15" t="s">
        <v>152</v>
      </c>
      <c r="D700" s="15" t="s">
        <v>122</v>
      </c>
      <c r="E700" s="15" t="s">
        <v>226</v>
      </c>
      <c r="F700" s="16">
        <v>60000000</v>
      </c>
    </row>
    <row r="701" spans="1:6" ht="27" customHeight="1" x14ac:dyDescent="0.45">
      <c r="A701" s="17"/>
      <c r="B701" s="18"/>
      <c r="C701" s="15" t="s">
        <v>152</v>
      </c>
      <c r="D701" s="15" t="s">
        <v>122</v>
      </c>
      <c r="E701" s="15" t="s">
        <v>226</v>
      </c>
      <c r="F701" s="16">
        <v>53038100</v>
      </c>
    </row>
    <row r="702" spans="1:6" ht="27" customHeight="1" x14ac:dyDescent="0.45">
      <c r="A702" s="21"/>
      <c r="B702" s="22"/>
      <c r="C702" s="32" t="s">
        <v>152</v>
      </c>
      <c r="D702" s="15" t="s">
        <v>122</v>
      </c>
      <c r="E702" s="15" t="s">
        <v>226</v>
      </c>
      <c r="F702" s="16">
        <v>45945900</v>
      </c>
    </row>
    <row r="703" spans="1:6" ht="27.6" customHeight="1" x14ac:dyDescent="0.45">
      <c r="A703" s="31"/>
      <c r="B703" s="14"/>
      <c r="C703" s="32" t="s">
        <v>152</v>
      </c>
      <c r="D703" s="15" t="s">
        <v>122</v>
      </c>
      <c r="E703" s="15" t="s">
        <v>226</v>
      </c>
      <c r="F703" s="16">
        <v>40000000</v>
      </c>
    </row>
    <row r="704" spans="1:6" ht="27.6" customHeight="1" x14ac:dyDescent="0.45">
      <c r="A704" s="17"/>
      <c r="B704" s="18"/>
      <c r="C704" s="15" t="s">
        <v>152</v>
      </c>
      <c r="D704" s="15" t="s">
        <v>122</v>
      </c>
      <c r="E704" s="15" t="s">
        <v>226</v>
      </c>
      <c r="F704" s="16">
        <v>40000000</v>
      </c>
    </row>
    <row r="705" spans="1:6" ht="27.6" customHeight="1" x14ac:dyDescent="0.45">
      <c r="A705" s="17"/>
      <c r="B705" s="18"/>
      <c r="C705" s="15" t="s">
        <v>152</v>
      </c>
      <c r="D705" s="15" t="s">
        <v>122</v>
      </c>
      <c r="E705" s="15" t="s">
        <v>226</v>
      </c>
      <c r="F705" s="16">
        <v>33333000</v>
      </c>
    </row>
    <row r="706" spans="1:6" ht="27.6" customHeight="1" x14ac:dyDescent="0.45">
      <c r="A706" s="17"/>
      <c r="B706" s="18"/>
      <c r="C706" s="15" t="s">
        <v>152</v>
      </c>
      <c r="D706" s="15" t="s">
        <v>122</v>
      </c>
      <c r="E706" s="15" t="s">
        <v>216</v>
      </c>
      <c r="F706" s="16">
        <v>32709689</v>
      </c>
    </row>
    <row r="707" spans="1:6" ht="27.6" customHeight="1" x14ac:dyDescent="0.45">
      <c r="A707" s="17"/>
      <c r="B707" s="18"/>
      <c r="C707" s="15" t="s">
        <v>152</v>
      </c>
      <c r="D707" s="15" t="s">
        <v>122</v>
      </c>
      <c r="E707" s="15" t="s">
        <v>216</v>
      </c>
      <c r="F707" s="16">
        <v>28075000</v>
      </c>
    </row>
    <row r="708" spans="1:6" ht="27.6" customHeight="1" x14ac:dyDescent="0.45">
      <c r="A708" s="17"/>
      <c r="B708" s="18"/>
      <c r="C708" s="15" t="s">
        <v>152</v>
      </c>
      <c r="D708" s="15" t="s">
        <v>122</v>
      </c>
      <c r="E708" s="15" t="s">
        <v>227</v>
      </c>
      <c r="F708" s="16">
        <v>21750000</v>
      </c>
    </row>
    <row r="709" spans="1:6" ht="27.6" customHeight="1" x14ac:dyDescent="0.45">
      <c r="A709" s="17"/>
      <c r="B709" s="18"/>
      <c r="C709" s="15" t="s">
        <v>152</v>
      </c>
      <c r="D709" s="15" t="s">
        <v>122</v>
      </c>
      <c r="E709" s="15" t="s">
        <v>216</v>
      </c>
      <c r="F709" s="16">
        <v>15103911</v>
      </c>
    </row>
    <row r="710" spans="1:6" ht="27.6" customHeight="1" x14ac:dyDescent="0.45">
      <c r="A710" s="17"/>
      <c r="B710" s="18"/>
      <c r="C710" s="15" t="s">
        <v>152</v>
      </c>
      <c r="D710" s="15" t="s">
        <v>122</v>
      </c>
      <c r="E710" s="15" t="s">
        <v>226</v>
      </c>
      <c r="F710" s="16">
        <v>15060300</v>
      </c>
    </row>
    <row r="711" spans="1:6" ht="27.6" customHeight="1" x14ac:dyDescent="0.45">
      <c r="A711" s="17"/>
      <c r="B711" s="18"/>
      <c r="C711" s="32" t="s">
        <v>152</v>
      </c>
      <c r="D711" s="15" t="s">
        <v>122</v>
      </c>
      <c r="E711" s="15" t="s">
        <v>226</v>
      </c>
      <c r="F711" s="16">
        <v>8014000</v>
      </c>
    </row>
    <row r="712" spans="1:6" ht="27.6" customHeight="1" x14ac:dyDescent="0.45">
      <c r="A712" s="17"/>
      <c r="B712" s="18"/>
      <c r="C712" s="32" t="s">
        <v>152</v>
      </c>
      <c r="D712" s="15" t="s">
        <v>122</v>
      </c>
      <c r="E712" s="15" t="s">
        <v>216</v>
      </c>
      <c r="F712" s="16">
        <v>800000</v>
      </c>
    </row>
    <row r="713" spans="1:6" ht="27.6" customHeight="1" thickBot="1" x14ac:dyDescent="0.5">
      <c r="A713" s="17"/>
      <c r="B713" s="18"/>
      <c r="C713" s="19" t="s">
        <v>152</v>
      </c>
      <c r="D713" s="19" t="s">
        <v>122</v>
      </c>
      <c r="E713" s="19" t="s">
        <v>227</v>
      </c>
      <c r="F713" s="20">
        <v>30000</v>
      </c>
    </row>
    <row r="714" spans="1:6" ht="27.6" customHeight="1" thickTop="1" x14ac:dyDescent="0.45">
      <c r="A714" s="21"/>
      <c r="B714" s="22"/>
      <c r="C714" s="23" t="s">
        <v>116</v>
      </c>
      <c r="D714" s="24"/>
      <c r="E714" s="25" t="s">
        <v>219</v>
      </c>
      <c r="F714" s="26">
        <v>492961900</v>
      </c>
    </row>
    <row r="715" spans="1:6" ht="27.6" customHeight="1" x14ac:dyDescent="0.45">
      <c r="F715" s="3"/>
    </row>
    <row r="716" spans="1:6" ht="27.6" customHeight="1" x14ac:dyDescent="0.45">
      <c r="A716" s="5" t="s">
        <v>2</v>
      </c>
      <c r="B716" s="5" t="s">
        <v>107</v>
      </c>
      <c r="C716" s="5" t="s">
        <v>108</v>
      </c>
      <c r="D716" s="5" t="s">
        <v>109</v>
      </c>
      <c r="E716" s="5" t="s">
        <v>110</v>
      </c>
      <c r="F716" s="12" t="s">
        <v>5</v>
      </c>
    </row>
    <row r="717" spans="1:6" ht="27.6" customHeight="1" x14ac:dyDescent="0.45">
      <c r="A717" s="13">
        <v>25</v>
      </c>
      <c r="B717" s="29" t="s">
        <v>30</v>
      </c>
      <c r="C717" s="15" t="s">
        <v>162</v>
      </c>
      <c r="D717" s="15" t="s">
        <v>149</v>
      </c>
      <c r="E717" s="15" t="s">
        <v>150</v>
      </c>
      <c r="F717" s="16">
        <v>46649516</v>
      </c>
    </row>
    <row r="718" spans="1:6" ht="27.6" customHeight="1" x14ac:dyDescent="0.45">
      <c r="A718" s="17"/>
      <c r="B718" s="30"/>
      <c r="C718" s="15" t="s">
        <v>162</v>
      </c>
      <c r="D718" s="15" t="s">
        <v>149</v>
      </c>
      <c r="E718" s="15" t="s">
        <v>150</v>
      </c>
      <c r="F718" s="16">
        <v>41069203</v>
      </c>
    </row>
    <row r="719" spans="1:6" ht="27.6" customHeight="1" x14ac:dyDescent="0.45">
      <c r="A719" s="17"/>
      <c r="B719" s="18"/>
      <c r="C719" s="15" t="s">
        <v>162</v>
      </c>
      <c r="D719" s="15" t="s">
        <v>149</v>
      </c>
      <c r="E719" s="15" t="s">
        <v>150</v>
      </c>
      <c r="F719" s="16">
        <v>39400602</v>
      </c>
    </row>
    <row r="720" spans="1:6" ht="27.6" customHeight="1" x14ac:dyDescent="0.45">
      <c r="A720" s="17"/>
      <c r="B720" s="18"/>
      <c r="C720" s="15" t="s">
        <v>162</v>
      </c>
      <c r="D720" s="15" t="s">
        <v>149</v>
      </c>
      <c r="E720" s="15" t="s">
        <v>150</v>
      </c>
      <c r="F720" s="16">
        <v>39136349</v>
      </c>
    </row>
    <row r="721" spans="1:6" ht="27.6" customHeight="1" x14ac:dyDescent="0.45">
      <c r="A721" s="17"/>
      <c r="B721" s="18"/>
      <c r="C721" s="15" t="s">
        <v>162</v>
      </c>
      <c r="D721" s="15" t="s">
        <v>149</v>
      </c>
      <c r="E721" s="15" t="s">
        <v>150</v>
      </c>
      <c r="F721" s="16">
        <v>38753834</v>
      </c>
    </row>
    <row r="722" spans="1:6" ht="27.6" customHeight="1" x14ac:dyDescent="0.45">
      <c r="A722" s="17"/>
      <c r="B722" s="18"/>
      <c r="C722" s="15" t="s">
        <v>162</v>
      </c>
      <c r="D722" s="15" t="s">
        <v>149</v>
      </c>
      <c r="E722" s="15" t="s">
        <v>150</v>
      </c>
      <c r="F722" s="16">
        <v>37659611</v>
      </c>
    </row>
    <row r="723" spans="1:6" ht="27.6" customHeight="1" x14ac:dyDescent="0.45">
      <c r="A723" s="17"/>
      <c r="B723" s="18"/>
      <c r="C723" s="15" t="s">
        <v>162</v>
      </c>
      <c r="D723" s="15" t="s">
        <v>149</v>
      </c>
      <c r="E723" s="15" t="s">
        <v>150</v>
      </c>
      <c r="F723" s="16">
        <v>37521853</v>
      </c>
    </row>
    <row r="724" spans="1:6" ht="27.6" customHeight="1" x14ac:dyDescent="0.45">
      <c r="A724" s="17"/>
      <c r="B724" s="18"/>
      <c r="C724" s="15" t="s">
        <v>162</v>
      </c>
      <c r="D724" s="15" t="s">
        <v>149</v>
      </c>
      <c r="E724" s="15" t="s">
        <v>150</v>
      </c>
      <c r="F724" s="16">
        <v>37407794</v>
      </c>
    </row>
    <row r="725" spans="1:6" ht="27.6" customHeight="1" x14ac:dyDescent="0.45">
      <c r="A725" s="17"/>
      <c r="B725" s="18"/>
      <c r="C725" s="15" t="s">
        <v>162</v>
      </c>
      <c r="D725" s="15" t="s">
        <v>149</v>
      </c>
      <c r="E725" s="15" t="s">
        <v>150</v>
      </c>
      <c r="F725" s="16">
        <v>37307835</v>
      </c>
    </row>
    <row r="726" spans="1:6" ht="27.6" customHeight="1" x14ac:dyDescent="0.45">
      <c r="A726" s="17"/>
      <c r="B726" s="18"/>
      <c r="C726" s="15" t="s">
        <v>162</v>
      </c>
      <c r="D726" s="15" t="s">
        <v>149</v>
      </c>
      <c r="E726" s="15" t="s">
        <v>150</v>
      </c>
      <c r="F726" s="16">
        <v>37227838</v>
      </c>
    </row>
    <row r="727" spans="1:6" ht="27.6" customHeight="1" x14ac:dyDescent="0.45">
      <c r="A727" s="17"/>
      <c r="B727" s="18"/>
      <c r="C727" s="15" t="s">
        <v>162</v>
      </c>
      <c r="D727" s="15" t="s">
        <v>149</v>
      </c>
      <c r="E727" s="15" t="s">
        <v>150</v>
      </c>
      <c r="F727" s="16">
        <v>36432094</v>
      </c>
    </row>
    <row r="728" spans="1:6" ht="27.6" customHeight="1" x14ac:dyDescent="0.45">
      <c r="A728" s="17"/>
      <c r="B728" s="18"/>
      <c r="C728" s="15" t="s">
        <v>162</v>
      </c>
      <c r="D728" s="15" t="s">
        <v>149</v>
      </c>
      <c r="E728" s="15" t="s">
        <v>150</v>
      </c>
      <c r="F728" s="16">
        <v>36263243</v>
      </c>
    </row>
    <row r="729" spans="1:6" ht="27.6" customHeight="1" x14ac:dyDescent="0.45">
      <c r="A729" s="17"/>
      <c r="B729" s="18"/>
      <c r="C729" s="15" t="s">
        <v>162</v>
      </c>
      <c r="D729" s="15" t="s">
        <v>149</v>
      </c>
      <c r="E729" s="15" t="s">
        <v>150</v>
      </c>
      <c r="F729" s="16">
        <v>3901770</v>
      </c>
    </row>
    <row r="730" spans="1:6" ht="27.6" customHeight="1" x14ac:dyDescent="0.45">
      <c r="A730" s="17"/>
      <c r="B730" s="18"/>
      <c r="C730" s="15" t="s">
        <v>162</v>
      </c>
      <c r="D730" s="15" t="s">
        <v>149</v>
      </c>
      <c r="E730" s="15" t="s">
        <v>150</v>
      </c>
      <c r="F730" s="16">
        <v>1316620</v>
      </c>
    </row>
    <row r="731" spans="1:6" ht="27.6" customHeight="1" x14ac:dyDescent="0.45">
      <c r="A731" s="17"/>
      <c r="B731" s="18"/>
      <c r="C731" s="15" t="s">
        <v>162</v>
      </c>
      <c r="D731" s="15" t="s">
        <v>149</v>
      </c>
      <c r="E731" s="15" t="s">
        <v>150</v>
      </c>
      <c r="F731" s="16">
        <v>1314070</v>
      </c>
    </row>
    <row r="732" spans="1:6" ht="27.6" customHeight="1" x14ac:dyDescent="0.45">
      <c r="A732" s="17"/>
      <c r="B732" s="18"/>
      <c r="C732" s="15" t="s">
        <v>162</v>
      </c>
      <c r="D732" s="15" t="s">
        <v>149</v>
      </c>
      <c r="E732" s="15" t="s">
        <v>150</v>
      </c>
      <c r="F732" s="16">
        <v>1284340</v>
      </c>
    </row>
    <row r="733" spans="1:6" ht="27.6" customHeight="1" x14ac:dyDescent="0.45">
      <c r="A733" s="17"/>
      <c r="B733" s="18"/>
      <c r="C733" s="15" t="s">
        <v>162</v>
      </c>
      <c r="D733" s="15" t="s">
        <v>149</v>
      </c>
      <c r="E733" s="15" t="s">
        <v>150</v>
      </c>
      <c r="F733" s="16">
        <v>1273190</v>
      </c>
    </row>
    <row r="734" spans="1:6" ht="27.6" customHeight="1" x14ac:dyDescent="0.45">
      <c r="A734" s="17"/>
      <c r="B734" s="18"/>
      <c r="C734" s="15" t="s">
        <v>162</v>
      </c>
      <c r="D734" s="15" t="s">
        <v>149</v>
      </c>
      <c r="E734" s="15" t="s">
        <v>150</v>
      </c>
      <c r="F734" s="16">
        <v>670640</v>
      </c>
    </row>
    <row r="735" spans="1:6" ht="27.6" customHeight="1" x14ac:dyDescent="0.45">
      <c r="A735" s="17"/>
      <c r="B735" s="18"/>
      <c r="C735" s="15" t="s">
        <v>162</v>
      </c>
      <c r="D735" s="15" t="s">
        <v>149</v>
      </c>
      <c r="E735" s="15" t="s">
        <v>150</v>
      </c>
      <c r="F735" s="16">
        <v>231380</v>
      </c>
    </row>
    <row r="736" spans="1:6" ht="27.6" customHeight="1" x14ac:dyDescent="0.45">
      <c r="A736" s="17"/>
      <c r="B736" s="18"/>
      <c r="C736" s="15" t="s">
        <v>162</v>
      </c>
      <c r="D736" s="15" t="s">
        <v>149</v>
      </c>
      <c r="E736" s="15" t="s">
        <v>150</v>
      </c>
      <c r="F736" s="16">
        <v>194270</v>
      </c>
    </row>
    <row r="737" spans="1:6" ht="27.6" customHeight="1" x14ac:dyDescent="0.45">
      <c r="A737" s="17"/>
      <c r="B737" s="18"/>
      <c r="C737" s="15" t="s">
        <v>162</v>
      </c>
      <c r="D737" s="15" t="s">
        <v>149</v>
      </c>
      <c r="E737" s="15" t="s">
        <v>150</v>
      </c>
      <c r="F737" s="16">
        <v>79930</v>
      </c>
    </row>
    <row r="738" spans="1:6" ht="27.6" customHeight="1" x14ac:dyDescent="0.45">
      <c r="A738" s="21"/>
      <c r="B738" s="22"/>
      <c r="C738" s="32" t="s">
        <v>162</v>
      </c>
      <c r="D738" s="15" t="s">
        <v>149</v>
      </c>
      <c r="E738" s="15" t="s">
        <v>150</v>
      </c>
      <c r="F738" s="16">
        <v>37630</v>
      </c>
    </row>
    <row r="739" spans="1:6" ht="27" customHeight="1" thickBot="1" x14ac:dyDescent="0.5">
      <c r="A739" s="31"/>
      <c r="B739" s="14"/>
      <c r="C739" s="33" t="s">
        <v>162</v>
      </c>
      <c r="D739" s="19" t="s">
        <v>149</v>
      </c>
      <c r="E739" s="19" t="s">
        <v>150</v>
      </c>
      <c r="F739" s="20">
        <v>5740</v>
      </c>
    </row>
    <row r="740" spans="1:6" ht="27" customHeight="1" thickTop="1" x14ac:dyDescent="0.45">
      <c r="A740" s="21"/>
      <c r="B740" s="22"/>
      <c r="C740" s="23" t="s">
        <v>116</v>
      </c>
      <c r="D740" s="24"/>
      <c r="E740" s="25" t="s">
        <v>228</v>
      </c>
      <c r="F740" s="26">
        <v>475139352</v>
      </c>
    </row>
    <row r="741" spans="1:6" ht="27" customHeight="1" x14ac:dyDescent="0.45">
      <c r="F741" s="3"/>
    </row>
    <row r="742" spans="1:6" ht="27" customHeight="1" x14ac:dyDescent="0.45">
      <c r="A742" s="5" t="s">
        <v>2</v>
      </c>
      <c r="B742" s="5" t="s">
        <v>107</v>
      </c>
      <c r="C742" s="5" t="s">
        <v>108</v>
      </c>
      <c r="D742" s="5" t="s">
        <v>109</v>
      </c>
      <c r="E742" s="5" t="s">
        <v>110</v>
      </c>
      <c r="F742" s="12" t="s">
        <v>5</v>
      </c>
    </row>
    <row r="743" spans="1:6" ht="27" customHeight="1" x14ac:dyDescent="0.45">
      <c r="A743" s="13">
        <v>26</v>
      </c>
      <c r="B743" s="14" t="s">
        <v>31</v>
      </c>
      <c r="C743" s="15" t="s">
        <v>125</v>
      </c>
      <c r="D743" s="15" t="s">
        <v>149</v>
      </c>
      <c r="E743" s="15" t="s">
        <v>150</v>
      </c>
      <c r="F743" s="16">
        <v>166285240</v>
      </c>
    </row>
    <row r="744" spans="1:6" ht="27" customHeight="1" x14ac:dyDescent="0.45">
      <c r="A744" s="17"/>
      <c r="B744" s="18"/>
      <c r="C744" s="15" t="s">
        <v>125</v>
      </c>
      <c r="D744" s="15" t="s">
        <v>149</v>
      </c>
      <c r="E744" s="15" t="s">
        <v>150</v>
      </c>
      <c r="F744" s="16">
        <v>154940200</v>
      </c>
    </row>
    <row r="745" spans="1:6" ht="27" customHeight="1" x14ac:dyDescent="0.45">
      <c r="A745" s="17"/>
      <c r="B745" s="18"/>
      <c r="C745" s="32" t="s">
        <v>111</v>
      </c>
      <c r="D745" s="15" t="s">
        <v>149</v>
      </c>
      <c r="E745" s="15" t="s">
        <v>150</v>
      </c>
      <c r="F745" s="16">
        <v>110749100</v>
      </c>
    </row>
    <row r="746" spans="1:6" ht="27" customHeight="1" thickBot="1" x14ac:dyDescent="0.5">
      <c r="A746" s="17"/>
      <c r="B746" s="18"/>
      <c r="C746" s="33" t="s">
        <v>125</v>
      </c>
      <c r="D746" s="19" t="s">
        <v>149</v>
      </c>
      <c r="E746" s="19" t="s">
        <v>150</v>
      </c>
      <c r="F746" s="20">
        <v>2824000</v>
      </c>
    </row>
    <row r="747" spans="1:6" ht="27" customHeight="1" thickTop="1" x14ac:dyDescent="0.45">
      <c r="A747" s="21"/>
      <c r="B747" s="22"/>
      <c r="C747" s="23" t="s">
        <v>116</v>
      </c>
      <c r="D747" s="24"/>
      <c r="E747" s="25" t="s">
        <v>117</v>
      </c>
      <c r="F747" s="26">
        <v>434798540</v>
      </c>
    </row>
    <row r="748" spans="1:6" ht="27" customHeight="1" x14ac:dyDescent="0.45">
      <c r="F748" s="3"/>
    </row>
    <row r="749" spans="1:6" ht="27" customHeight="1" x14ac:dyDescent="0.45">
      <c r="A749" s="5" t="s">
        <v>2</v>
      </c>
      <c r="B749" s="5" t="s">
        <v>107</v>
      </c>
      <c r="C749" s="5" t="s">
        <v>108</v>
      </c>
      <c r="D749" s="5" t="s">
        <v>109</v>
      </c>
      <c r="E749" s="5" t="s">
        <v>110</v>
      </c>
      <c r="F749" s="12" t="s">
        <v>5</v>
      </c>
    </row>
    <row r="750" spans="1:6" ht="27" customHeight="1" x14ac:dyDescent="0.45">
      <c r="A750" s="13">
        <v>27</v>
      </c>
      <c r="B750" s="14" t="s">
        <v>32</v>
      </c>
      <c r="C750" s="15" t="s">
        <v>145</v>
      </c>
      <c r="D750" s="15" t="s">
        <v>122</v>
      </c>
      <c r="E750" s="15" t="s">
        <v>123</v>
      </c>
      <c r="F750" s="16">
        <v>202613400</v>
      </c>
    </row>
    <row r="751" spans="1:6" ht="27" customHeight="1" x14ac:dyDescent="0.45">
      <c r="A751" s="17"/>
      <c r="B751" s="18"/>
      <c r="C751" s="15" t="s">
        <v>145</v>
      </c>
      <c r="D751" s="15" t="s">
        <v>149</v>
      </c>
      <c r="E751" s="15" t="s">
        <v>150</v>
      </c>
      <c r="F751" s="16">
        <v>140874360</v>
      </c>
    </row>
    <row r="752" spans="1:6" ht="27" customHeight="1" x14ac:dyDescent="0.45">
      <c r="A752" s="17"/>
      <c r="B752" s="18"/>
      <c r="C752" s="15" t="s">
        <v>145</v>
      </c>
      <c r="D752" s="15" t="s">
        <v>122</v>
      </c>
      <c r="E752" s="15" t="s">
        <v>123</v>
      </c>
      <c r="F752" s="16">
        <v>57909210</v>
      </c>
    </row>
    <row r="753" spans="1:6" ht="27" customHeight="1" x14ac:dyDescent="0.45">
      <c r="A753" s="17"/>
      <c r="B753" s="18"/>
      <c r="C753" s="15" t="s">
        <v>145</v>
      </c>
      <c r="D753" s="15" t="s">
        <v>149</v>
      </c>
      <c r="E753" s="15" t="s">
        <v>150</v>
      </c>
      <c r="F753" s="16">
        <v>15219600</v>
      </c>
    </row>
    <row r="754" spans="1:6" ht="27" customHeight="1" x14ac:dyDescent="0.45">
      <c r="A754" s="17"/>
      <c r="B754" s="18"/>
      <c r="C754" s="15" t="s">
        <v>145</v>
      </c>
      <c r="D754" s="15" t="s">
        <v>122</v>
      </c>
      <c r="E754" s="15" t="s">
        <v>123</v>
      </c>
      <c r="F754" s="16">
        <v>6034600</v>
      </c>
    </row>
    <row r="755" spans="1:6" ht="27" customHeight="1" x14ac:dyDescent="0.45">
      <c r="A755" s="17"/>
      <c r="B755" s="18"/>
      <c r="C755" s="15" t="s">
        <v>145</v>
      </c>
      <c r="D755" s="15" t="s">
        <v>149</v>
      </c>
      <c r="E755" s="15" t="s">
        <v>150</v>
      </c>
      <c r="F755" s="16">
        <v>5412000</v>
      </c>
    </row>
    <row r="756" spans="1:6" ht="27" customHeight="1" x14ac:dyDescent="0.45">
      <c r="A756" s="17"/>
      <c r="B756" s="18"/>
      <c r="C756" s="15" t="s">
        <v>162</v>
      </c>
      <c r="D756" s="15" t="s">
        <v>159</v>
      </c>
      <c r="E756" s="15" t="s">
        <v>160</v>
      </c>
      <c r="F756" s="16">
        <v>2772000</v>
      </c>
    </row>
    <row r="757" spans="1:6" ht="27" customHeight="1" x14ac:dyDescent="0.45">
      <c r="A757" s="17"/>
      <c r="B757" s="18"/>
      <c r="C757" s="15" t="s">
        <v>111</v>
      </c>
      <c r="D757" s="15" t="s">
        <v>207</v>
      </c>
      <c r="E757" s="15" t="s">
        <v>146</v>
      </c>
      <c r="F757" s="16">
        <v>961400</v>
      </c>
    </row>
    <row r="758" spans="1:6" ht="27" customHeight="1" x14ac:dyDescent="0.45">
      <c r="A758" s="17"/>
      <c r="B758" s="18"/>
      <c r="C758" s="15" t="s">
        <v>145</v>
      </c>
      <c r="D758" s="15" t="s">
        <v>149</v>
      </c>
      <c r="E758" s="15" t="s">
        <v>150</v>
      </c>
      <c r="F758" s="16">
        <v>924000</v>
      </c>
    </row>
    <row r="759" spans="1:6" ht="27" customHeight="1" x14ac:dyDescent="0.45">
      <c r="A759" s="17"/>
      <c r="B759" s="18"/>
      <c r="C759" s="15" t="s">
        <v>162</v>
      </c>
      <c r="D759" s="15" t="s">
        <v>207</v>
      </c>
      <c r="E759" s="15" t="s">
        <v>221</v>
      </c>
      <c r="F759" s="16">
        <v>805200</v>
      </c>
    </row>
    <row r="760" spans="1:6" ht="27" customHeight="1" thickBot="1" x14ac:dyDescent="0.5">
      <c r="A760" s="17"/>
      <c r="B760" s="18"/>
      <c r="C760" s="19" t="s">
        <v>111</v>
      </c>
      <c r="D760" s="19" t="s">
        <v>149</v>
      </c>
      <c r="E760" s="19" t="s">
        <v>150</v>
      </c>
      <c r="F760" s="20">
        <v>217580</v>
      </c>
    </row>
    <row r="761" spans="1:6" ht="27" customHeight="1" thickTop="1" x14ac:dyDescent="0.45">
      <c r="A761" s="21"/>
      <c r="B761" s="22"/>
      <c r="C761" s="23" t="s">
        <v>116</v>
      </c>
      <c r="D761" s="24"/>
      <c r="E761" s="25" t="s">
        <v>229</v>
      </c>
      <c r="F761" s="26">
        <v>433743350</v>
      </c>
    </row>
    <row r="762" spans="1:6" ht="27" customHeight="1" x14ac:dyDescent="0.45">
      <c r="F762" s="3"/>
    </row>
    <row r="763" spans="1:6" ht="27" customHeight="1" x14ac:dyDescent="0.45">
      <c r="A763" s="5" t="s">
        <v>2</v>
      </c>
      <c r="B763" s="5" t="s">
        <v>107</v>
      </c>
      <c r="C763" s="5" t="s">
        <v>108</v>
      </c>
      <c r="D763" s="5" t="s">
        <v>109</v>
      </c>
      <c r="E763" s="5" t="s">
        <v>110</v>
      </c>
      <c r="F763" s="12" t="s">
        <v>5</v>
      </c>
    </row>
    <row r="764" spans="1:6" ht="27" customHeight="1" x14ac:dyDescent="0.45">
      <c r="A764" s="13">
        <v>28</v>
      </c>
      <c r="B764" s="29" t="s">
        <v>33</v>
      </c>
      <c r="C764" s="15" t="s">
        <v>125</v>
      </c>
      <c r="D764" s="15" t="s">
        <v>122</v>
      </c>
      <c r="E764" s="15" t="s">
        <v>227</v>
      </c>
      <c r="F764" s="16">
        <v>26213200</v>
      </c>
    </row>
    <row r="765" spans="1:6" ht="27" customHeight="1" x14ac:dyDescent="0.45">
      <c r="A765" s="17"/>
      <c r="B765" s="30"/>
      <c r="C765" s="15" t="s">
        <v>125</v>
      </c>
      <c r="D765" s="15" t="s">
        <v>122</v>
      </c>
      <c r="E765" s="15" t="s">
        <v>226</v>
      </c>
      <c r="F765" s="16">
        <v>25216600</v>
      </c>
    </row>
    <row r="766" spans="1:6" ht="27" customHeight="1" x14ac:dyDescent="0.45">
      <c r="A766" s="17"/>
      <c r="B766" s="18"/>
      <c r="C766" s="15" t="s">
        <v>125</v>
      </c>
      <c r="D766" s="15" t="s">
        <v>122</v>
      </c>
      <c r="E766" s="15" t="s">
        <v>216</v>
      </c>
      <c r="F766" s="16">
        <v>22541700</v>
      </c>
    </row>
    <row r="767" spans="1:6" ht="27" customHeight="1" x14ac:dyDescent="0.45">
      <c r="A767" s="17"/>
      <c r="B767" s="18"/>
      <c r="C767" s="15" t="s">
        <v>125</v>
      </c>
      <c r="D767" s="15" t="s">
        <v>122</v>
      </c>
      <c r="E767" s="15" t="s">
        <v>214</v>
      </c>
      <c r="F767" s="16">
        <v>16430223</v>
      </c>
    </row>
    <row r="768" spans="1:6" ht="27" customHeight="1" x14ac:dyDescent="0.45">
      <c r="A768" s="17"/>
      <c r="B768" s="18"/>
      <c r="C768" s="15" t="s">
        <v>152</v>
      </c>
      <c r="D768" s="15" t="s">
        <v>126</v>
      </c>
      <c r="E768" s="15" t="s">
        <v>127</v>
      </c>
      <c r="F768" s="16">
        <v>14215520</v>
      </c>
    </row>
    <row r="769" spans="1:6" ht="27" customHeight="1" x14ac:dyDescent="0.45">
      <c r="A769" s="17"/>
      <c r="B769" s="18"/>
      <c r="C769" s="15" t="s">
        <v>125</v>
      </c>
      <c r="D769" s="15" t="s">
        <v>122</v>
      </c>
      <c r="E769" s="15" t="s">
        <v>230</v>
      </c>
      <c r="F769" s="16">
        <v>13576152</v>
      </c>
    </row>
    <row r="770" spans="1:6" ht="27" customHeight="1" x14ac:dyDescent="0.45">
      <c r="A770" s="17"/>
      <c r="B770" s="18"/>
      <c r="C770" s="15" t="s">
        <v>125</v>
      </c>
      <c r="D770" s="15" t="s">
        <v>122</v>
      </c>
      <c r="E770" s="15" t="s">
        <v>208</v>
      </c>
      <c r="F770" s="16">
        <v>13024333</v>
      </c>
    </row>
    <row r="771" spans="1:6" ht="27" customHeight="1" x14ac:dyDescent="0.45">
      <c r="A771" s="17"/>
      <c r="B771" s="18"/>
      <c r="C771" s="15" t="s">
        <v>125</v>
      </c>
      <c r="D771" s="15" t="s">
        <v>122</v>
      </c>
      <c r="E771" s="15" t="s">
        <v>231</v>
      </c>
      <c r="F771" s="16">
        <v>10750071</v>
      </c>
    </row>
    <row r="772" spans="1:6" ht="27" customHeight="1" x14ac:dyDescent="0.45">
      <c r="A772" s="17"/>
      <c r="B772" s="18"/>
      <c r="C772" s="15" t="s">
        <v>125</v>
      </c>
      <c r="D772" s="15" t="s">
        <v>122</v>
      </c>
      <c r="E772" s="15" t="s">
        <v>216</v>
      </c>
      <c r="F772" s="16">
        <v>10303806</v>
      </c>
    </row>
    <row r="773" spans="1:6" ht="27" customHeight="1" x14ac:dyDescent="0.45">
      <c r="A773" s="17"/>
      <c r="B773" s="18"/>
      <c r="C773" s="15" t="s">
        <v>125</v>
      </c>
      <c r="D773" s="15" t="s">
        <v>122</v>
      </c>
      <c r="E773" s="15" t="s">
        <v>231</v>
      </c>
      <c r="F773" s="16">
        <v>10227800</v>
      </c>
    </row>
    <row r="774" spans="1:6" ht="27" customHeight="1" x14ac:dyDescent="0.45">
      <c r="A774" s="17"/>
      <c r="B774" s="18"/>
      <c r="C774" s="15" t="s">
        <v>111</v>
      </c>
      <c r="D774" s="15" t="s">
        <v>122</v>
      </c>
      <c r="E774" s="15" t="s">
        <v>215</v>
      </c>
      <c r="F774" s="16">
        <v>9999202</v>
      </c>
    </row>
    <row r="775" spans="1:6" ht="27" customHeight="1" x14ac:dyDescent="0.45">
      <c r="A775" s="21"/>
      <c r="B775" s="22"/>
      <c r="C775" s="32" t="s">
        <v>111</v>
      </c>
      <c r="D775" s="15" t="s">
        <v>122</v>
      </c>
      <c r="E775" s="15" t="s">
        <v>215</v>
      </c>
      <c r="F775" s="16">
        <v>9456116</v>
      </c>
    </row>
    <row r="776" spans="1:6" ht="27" customHeight="1" x14ac:dyDescent="0.45">
      <c r="A776" s="31"/>
      <c r="B776" s="14"/>
      <c r="C776" s="32" t="s">
        <v>125</v>
      </c>
      <c r="D776" s="15" t="s">
        <v>122</v>
      </c>
      <c r="E776" s="15" t="s">
        <v>214</v>
      </c>
      <c r="F776" s="16">
        <v>9096670</v>
      </c>
    </row>
    <row r="777" spans="1:6" ht="27" customHeight="1" x14ac:dyDescent="0.45">
      <c r="A777" s="17"/>
      <c r="B777" s="18"/>
      <c r="C777" s="15" t="s">
        <v>125</v>
      </c>
      <c r="D777" s="15" t="s">
        <v>122</v>
      </c>
      <c r="E777" s="15" t="s">
        <v>215</v>
      </c>
      <c r="F777" s="16">
        <v>8839600</v>
      </c>
    </row>
    <row r="778" spans="1:6" ht="27" customHeight="1" x14ac:dyDescent="0.45">
      <c r="A778" s="17"/>
      <c r="B778" s="18"/>
      <c r="C778" s="15" t="s">
        <v>125</v>
      </c>
      <c r="D778" s="15" t="s">
        <v>122</v>
      </c>
      <c r="E778" s="15" t="s">
        <v>216</v>
      </c>
      <c r="F778" s="16">
        <v>8600000</v>
      </c>
    </row>
    <row r="779" spans="1:6" ht="27" customHeight="1" x14ac:dyDescent="0.45">
      <c r="A779" s="17"/>
      <c r="B779" s="18"/>
      <c r="C779" s="32" t="s">
        <v>125</v>
      </c>
      <c r="D779" s="15" t="s">
        <v>122</v>
      </c>
      <c r="E779" s="15" t="s">
        <v>230</v>
      </c>
      <c r="F779" s="16">
        <v>8000000</v>
      </c>
    </row>
    <row r="780" spans="1:6" ht="27" customHeight="1" x14ac:dyDescent="0.45">
      <c r="A780" s="17"/>
      <c r="B780" s="18"/>
      <c r="C780" s="32" t="s">
        <v>125</v>
      </c>
      <c r="D780" s="15" t="s">
        <v>122</v>
      </c>
      <c r="E780" s="15" t="s">
        <v>216</v>
      </c>
      <c r="F780" s="16">
        <v>8000000</v>
      </c>
    </row>
    <row r="781" spans="1:6" ht="27" customHeight="1" x14ac:dyDescent="0.45">
      <c r="A781" s="17"/>
      <c r="B781" s="18"/>
      <c r="C781" s="15" t="s">
        <v>125</v>
      </c>
      <c r="D781" s="15" t="s">
        <v>122</v>
      </c>
      <c r="E781" s="15" t="s">
        <v>226</v>
      </c>
      <c r="F781" s="16">
        <v>7811320</v>
      </c>
    </row>
    <row r="782" spans="1:6" ht="27" customHeight="1" x14ac:dyDescent="0.45">
      <c r="A782" s="17"/>
      <c r="B782" s="18"/>
      <c r="C782" s="15" t="s">
        <v>125</v>
      </c>
      <c r="D782" s="15" t="s">
        <v>122</v>
      </c>
      <c r="E782" s="15" t="s">
        <v>216</v>
      </c>
      <c r="F782" s="16">
        <v>7745596</v>
      </c>
    </row>
    <row r="783" spans="1:6" ht="27" customHeight="1" x14ac:dyDescent="0.45">
      <c r="A783" s="17"/>
      <c r="B783" s="18"/>
      <c r="C783" s="15" t="s">
        <v>125</v>
      </c>
      <c r="D783" s="15" t="s">
        <v>232</v>
      </c>
      <c r="E783" s="15" t="s">
        <v>233</v>
      </c>
      <c r="F783" s="16">
        <v>7152200</v>
      </c>
    </row>
    <row r="784" spans="1:6" ht="27" customHeight="1" x14ac:dyDescent="0.45">
      <c r="A784" s="17"/>
      <c r="B784" s="18"/>
      <c r="C784" s="15" t="s">
        <v>125</v>
      </c>
      <c r="D784" s="15" t="s">
        <v>122</v>
      </c>
      <c r="E784" s="15" t="s">
        <v>208</v>
      </c>
      <c r="F784" s="16">
        <v>7073443</v>
      </c>
    </row>
    <row r="785" spans="1:6" ht="27" customHeight="1" x14ac:dyDescent="0.45">
      <c r="A785" s="17"/>
      <c r="B785" s="18"/>
      <c r="C785" s="15" t="s">
        <v>125</v>
      </c>
      <c r="D785" s="15" t="s">
        <v>122</v>
      </c>
      <c r="E785" s="15" t="s">
        <v>230</v>
      </c>
      <c r="F785" s="16">
        <v>6789992</v>
      </c>
    </row>
    <row r="786" spans="1:6" ht="27" customHeight="1" x14ac:dyDescent="0.45">
      <c r="A786" s="17"/>
      <c r="B786" s="18"/>
      <c r="C786" s="15" t="s">
        <v>125</v>
      </c>
      <c r="D786" s="15" t="s">
        <v>122</v>
      </c>
      <c r="E786" s="15" t="s">
        <v>216</v>
      </c>
      <c r="F786" s="16">
        <v>6696194</v>
      </c>
    </row>
    <row r="787" spans="1:6" ht="27" customHeight="1" x14ac:dyDescent="0.45">
      <c r="A787" s="17"/>
      <c r="B787" s="18"/>
      <c r="C787" s="15" t="s">
        <v>125</v>
      </c>
      <c r="D787" s="15" t="s">
        <v>122</v>
      </c>
      <c r="E787" s="15" t="s">
        <v>226</v>
      </c>
      <c r="F787" s="16">
        <v>6688000</v>
      </c>
    </row>
    <row r="788" spans="1:6" ht="27" customHeight="1" x14ac:dyDescent="0.45">
      <c r="A788" s="17"/>
      <c r="B788" s="18"/>
      <c r="C788" s="15" t="s">
        <v>125</v>
      </c>
      <c r="D788" s="15" t="s">
        <v>122</v>
      </c>
      <c r="E788" s="15" t="s">
        <v>208</v>
      </c>
      <c r="F788" s="16">
        <v>6298773</v>
      </c>
    </row>
    <row r="789" spans="1:6" ht="27" customHeight="1" x14ac:dyDescent="0.45">
      <c r="A789" s="17"/>
      <c r="B789" s="18"/>
      <c r="C789" s="15" t="s">
        <v>125</v>
      </c>
      <c r="D789" s="15" t="s">
        <v>122</v>
      </c>
      <c r="E789" s="15" t="s">
        <v>227</v>
      </c>
      <c r="F789" s="16">
        <v>6040400</v>
      </c>
    </row>
    <row r="790" spans="1:6" ht="27" customHeight="1" x14ac:dyDescent="0.45">
      <c r="A790" s="17"/>
      <c r="B790" s="18"/>
      <c r="C790" s="15" t="s">
        <v>125</v>
      </c>
      <c r="D790" s="15" t="s">
        <v>122</v>
      </c>
      <c r="E790" s="15" t="s">
        <v>230</v>
      </c>
      <c r="F790" s="16">
        <v>5727157</v>
      </c>
    </row>
    <row r="791" spans="1:6" ht="27" customHeight="1" x14ac:dyDescent="0.45">
      <c r="A791" s="17"/>
      <c r="B791" s="18"/>
      <c r="C791" s="15" t="s">
        <v>125</v>
      </c>
      <c r="D791" s="15" t="s">
        <v>122</v>
      </c>
      <c r="E791" s="15" t="s">
        <v>216</v>
      </c>
      <c r="F791" s="16">
        <v>5600316</v>
      </c>
    </row>
    <row r="792" spans="1:6" ht="27" customHeight="1" x14ac:dyDescent="0.45">
      <c r="A792" s="17"/>
      <c r="B792" s="18"/>
      <c r="C792" s="15" t="s">
        <v>125</v>
      </c>
      <c r="D792" s="15" t="s">
        <v>122</v>
      </c>
      <c r="E792" s="15" t="s">
        <v>227</v>
      </c>
      <c r="F792" s="16">
        <v>5428766</v>
      </c>
    </row>
    <row r="793" spans="1:6" ht="27" customHeight="1" x14ac:dyDescent="0.45">
      <c r="A793" s="17"/>
      <c r="B793" s="18"/>
      <c r="C793" s="15" t="s">
        <v>125</v>
      </c>
      <c r="D793" s="15" t="s">
        <v>122</v>
      </c>
      <c r="E793" s="15" t="s">
        <v>208</v>
      </c>
      <c r="F793" s="16">
        <v>5106356</v>
      </c>
    </row>
    <row r="794" spans="1:6" ht="27" customHeight="1" x14ac:dyDescent="0.45">
      <c r="A794" s="17"/>
      <c r="B794" s="18"/>
      <c r="C794" s="15" t="s">
        <v>125</v>
      </c>
      <c r="D794" s="15" t="s">
        <v>122</v>
      </c>
      <c r="E794" s="15" t="s">
        <v>231</v>
      </c>
      <c r="F794" s="16">
        <v>5096434</v>
      </c>
    </row>
    <row r="795" spans="1:6" ht="27" customHeight="1" x14ac:dyDescent="0.45">
      <c r="A795" s="17"/>
      <c r="B795" s="18"/>
      <c r="C795" s="15" t="s">
        <v>125</v>
      </c>
      <c r="D795" s="15" t="s">
        <v>122</v>
      </c>
      <c r="E795" s="15" t="s">
        <v>208</v>
      </c>
      <c r="F795" s="16">
        <v>5000000</v>
      </c>
    </row>
    <row r="796" spans="1:6" ht="27" customHeight="1" x14ac:dyDescent="0.45">
      <c r="A796" s="17"/>
      <c r="B796" s="18"/>
      <c r="C796" s="15" t="s">
        <v>125</v>
      </c>
      <c r="D796" s="15" t="s">
        <v>122</v>
      </c>
      <c r="E796" s="15" t="s">
        <v>227</v>
      </c>
      <c r="F796" s="16">
        <v>5000000</v>
      </c>
    </row>
    <row r="797" spans="1:6" ht="27" customHeight="1" x14ac:dyDescent="0.45">
      <c r="A797" s="17"/>
      <c r="B797" s="18"/>
      <c r="C797" s="15" t="s">
        <v>125</v>
      </c>
      <c r="D797" s="15" t="s">
        <v>122</v>
      </c>
      <c r="E797" s="15" t="s">
        <v>230</v>
      </c>
      <c r="F797" s="16">
        <v>4864588</v>
      </c>
    </row>
    <row r="798" spans="1:6" ht="27" customHeight="1" x14ac:dyDescent="0.45">
      <c r="A798" s="17"/>
      <c r="B798" s="18"/>
      <c r="C798" s="15" t="s">
        <v>125</v>
      </c>
      <c r="D798" s="15" t="s">
        <v>122</v>
      </c>
      <c r="E798" s="15" t="s">
        <v>214</v>
      </c>
      <c r="F798" s="16">
        <v>4851664</v>
      </c>
    </row>
    <row r="799" spans="1:6" ht="27" customHeight="1" x14ac:dyDescent="0.45">
      <c r="A799" s="17"/>
      <c r="B799" s="18"/>
      <c r="C799" s="15" t="s">
        <v>125</v>
      </c>
      <c r="D799" s="15" t="s">
        <v>122</v>
      </c>
      <c r="E799" s="15" t="s">
        <v>208</v>
      </c>
      <c r="F799" s="16">
        <v>4799567</v>
      </c>
    </row>
    <row r="800" spans="1:6" ht="27" customHeight="1" x14ac:dyDescent="0.45">
      <c r="A800" s="17"/>
      <c r="B800" s="18"/>
      <c r="C800" s="15" t="s">
        <v>125</v>
      </c>
      <c r="D800" s="15" t="s">
        <v>122</v>
      </c>
      <c r="E800" s="15" t="s">
        <v>208</v>
      </c>
      <c r="F800" s="16">
        <v>4274578</v>
      </c>
    </row>
    <row r="801" spans="1:6" ht="27" customHeight="1" x14ac:dyDescent="0.45">
      <c r="A801" s="17"/>
      <c r="B801" s="18"/>
      <c r="C801" s="15" t="s">
        <v>125</v>
      </c>
      <c r="D801" s="15" t="s">
        <v>122</v>
      </c>
      <c r="E801" s="15" t="s">
        <v>216</v>
      </c>
      <c r="F801" s="16">
        <v>3808056</v>
      </c>
    </row>
    <row r="802" spans="1:6" ht="27" customHeight="1" x14ac:dyDescent="0.45">
      <c r="A802" s="17"/>
      <c r="B802" s="18"/>
      <c r="C802" s="15" t="s">
        <v>125</v>
      </c>
      <c r="D802" s="15" t="s">
        <v>122</v>
      </c>
      <c r="E802" s="15" t="s">
        <v>215</v>
      </c>
      <c r="F802" s="16">
        <v>3745922</v>
      </c>
    </row>
    <row r="803" spans="1:6" ht="27" customHeight="1" x14ac:dyDescent="0.45">
      <c r="A803" s="17"/>
      <c r="B803" s="18"/>
      <c r="C803" s="15" t="s">
        <v>125</v>
      </c>
      <c r="D803" s="15" t="s">
        <v>122</v>
      </c>
      <c r="E803" s="15" t="s">
        <v>227</v>
      </c>
      <c r="F803" s="16">
        <v>3697298</v>
      </c>
    </row>
    <row r="804" spans="1:6" ht="27" customHeight="1" x14ac:dyDescent="0.45">
      <c r="A804" s="17"/>
      <c r="B804" s="18"/>
      <c r="C804" s="15" t="s">
        <v>125</v>
      </c>
      <c r="D804" s="15" t="s">
        <v>122</v>
      </c>
      <c r="E804" s="15" t="s">
        <v>231</v>
      </c>
      <c r="F804" s="16">
        <v>3419554</v>
      </c>
    </row>
    <row r="805" spans="1:6" ht="27" customHeight="1" x14ac:dyDescent="0.45">
      <c r="A805" s="17"/>
      <c r="B805" s="18"/>
      <c r="C805" s="15" t="s">
        <v>125</v>
      </c>
      <c r="D805" s="15" t="s">
        <v>122</v>
      </c>
      <c r="E805" s="15" t="s">
        <v>231</v>
      </c>
      <c r="F805" s="16">
        <v>3099200</v>
      </c>
    </row>
    <row r="806" spans="1:6" ht="27" customHeight="1" x14ac:dyDescent="0.45">
      <c r="A806" s="17"/>
      <c r="B806" s="18"/>
      <c r="C806" s="15" t="s">
        <v>125</v>
      </c>
      <c r="D806" s="15" t="s">
        <v>122</v>
      </c>
      <c r="E806" s="15" t="s">
        <v>227</v>
      </c>
      <c r="F806" s="16">
        <v>3000000</v>
      </c>
    </row>
    <row r="807" spans="1:6" ht="27" customHeight="1" x14ac:dyDescent="0.45">
      <c r="A807" s="17"/>
      <c r="B807" s="18"/>
      <c r="C807" s="15" t="s">
        <v>125</v>
      </c>
      <c r="D807" s="15" t="s">
        <v>122</v>
      </c>
      <c r="E807" s="15" t="s">
        <v>231</v>
      </c>
      <c r="F807" s="16">
        <v>2994800</v>
      </c>
    </row>
    <row r="808" spans="1:6" ht="27" customHeight="1" x14ac:dyDescent="0.45">
      <c r="A808" s="17"/>
      <c r="B808" s="18"/>
      <c r="C808" s="15" t="s">
        <v>125</v>
      </c>
      <c r="D808" s="15" t="s">
        <v>122</v>
      </c>
      <c r="E808" s="15" t="s">
        <v>231</v>
      </c>
      <c r="F808" s="16">
        <v>2927329</v>
      </c>
    </row>
    <row r="809" spans="1:6" ht="27" customHeight="1" x14ac:dyDescent="0.45">
      <c r="A809" s="17"/>
      <c r="B809" s="18"/>
      <c r="C809" s="15" t="s">
        <v>125</v>
      </c>
      <c r="D809" s="15" t="s">
        <v>122</v>
      </c>
      <c r="E809" s="15" t="s">
        <v>214</v>
      </c>
      <c r="F809" s="16">
        <v>2918777</v>
      </c>
    </row>
    <row r="810" spans="1:6" ht="27" customHeight="1" x14ac:dyDescent="0.45">
      <c r="A810" s="17"/>
      <c r="B810" s="18"/>
      <c r="C810" s="15" t="s">
        <v>125</v>
      </c>
      <c r="D810" s="15" t="s">
        <v>122</v>
      </c>
      <c r="E810" s="15" t="s">
        <v>216</v>
      </c>
      <c r="F810" s="16">
        <v>2868304</v>
      </c>
    </row>
    <row r="811" spans="1:6" ht="27" customHeight="1" x14ac:dyDescent="0.45">
      <c r="A811" s="17"/>
      <c r="B811" s="18"/>
      <c r="C811" s="15" t="s">
        <v>125</v>
      </c>
      <c r="D811" s="15" t="s">
        <v>122</v>
      </c>
      <c r="E811" s="15" t="s">
        <v>214</v>
      </c>
      <c r="F811" s="16">
        <v>2540336</v>
      </c>
    </row>
    <row r="812" spans="1:6" ht="27" customHeight="1" x14ac:dyDescent="0.45">
      <c r="A812" s="21"/>
      <c r="B812" s="22"/>
      <c r="C812" s="32" t="s">
        <v>111</v>
      </c>
      <c r="D812" s="15" t="s">
        <v>122</v>
      </c>
      <c r="E812" s="15" t="s">
        <v>215</v>
      </c>
      <c r="F812" s="16">
        <v>2289000</v>
      </c>
    </row>
    <row r="813" spans="1:6" ht="27.6" customHeight="1" x14ac:dyDescent="0.45">
      <c r="A813" s="31"/>
      <c r="B813" s="14"/>
      <c r="C813" s="32" t="s">
        <v>125</v>
      </c>
      <c r="D813" s="15" t="s">
        <v>122</v>
      </c>
      <c r="E813" s="15" t="s">
        <v>227</v>
      </c>
      <c r="F813" s="16">
        <v>2252734</v>
      </c>
    </row>
    <row r="814" spans="1:6" ht="27.6" customHeight="1" x14ac:dyDescent="0.45">
      <c r="A814" s="17"/>
      <c r="B814" s="18"/>
      <c r="C814" s="32" t="s">
        <v>125</v>
      </c>
      <c r="D814" s="15" t="s">
        <v>122</v>
      </c>
      <c r="E814" s="15" t="s">
        <v>216</v>
      </c>
      <c r="F814" s="16">
        <v>2222668</v>
      </c>
    </row>
    <row r="815" spans="1:6" ht="27.6" customHeight="1" x14ac:dyDescent="0.45">
      <c r="A815" s="17"/>
      <c r="B815" s="18"/>
      <c r="C815" s="15" t="s">
        <v>125</v>
      </c>
      <c r="D815" s="15" t="s">
        <v>122</v>
      </c>
      <c r="E815" s="15" t="s">
        <v>216</v>
      </c>
      <c r="F815" s="16">
        <v>2054584</v>
      </c>
    </row>
    <row r="816" spans="1:6" ht="27.6" customHeight="1" x14ac:dyDescent="0.45">
      <c r="A816" s="17"/>
      <c r="B816" s="18"/>
      <c r="C816" s="15" t="s">
        <v>125</v>
      </c>
      <c r="D816" s="15" t="s">
        <v>122</v>
      </c>
      <c r="E816" s="15" t="s">
        <v>208</v>
      </c>
      <c r="F816" s="16">
        <v>2042527</v>
      </c>
    </row>
    <row r="817" spans="1:6" ht="27.6" customHeight="1" x14ac:dyDescent="0.45">
      <c r="A817" s="17"/>
      <c r="B817" s="18"/>
      <c r="C817" s="15" t="s">
        <v>125</v>
      </c>
      <c r="D817" s="15" t="s">
        <v>122</v>
      </c>
      <c r="E817" s="15" t="s">
        <v>216</v>
      </c>
      <c r="F817" s="16">
        <v>1752580</v>
      </c>
    </row>
    <row r="818" spans="1:6" ht="27.6" customHeight="1" x14ac:dyDescent="0.45">
      <c r="A818" s="17"/>
      <c r="B818" s="18"/>
      <c r="C818" s="15" t="s">
        <v>125</v>
      </c>
      <c r="D818" s="15" t="s">
        <v>122</v>
      </c>
      <c r="E818" s="15" t="s">
        <v>208</v>
      </c>
      <c r="F818" s="16">
        <v>1740000</v>
      </c>
    </row>
    <row r="819" spans="1:6" ht="27.6" customHeight="1" x14ac:dyDescent="0.45">
      <c r="A819" s="17"/>
      <c r="B819" s="18"/>
      <c r="C819" s="15" t="s">
        <v>125</v>
      </c>
      <c r="D819" s="15" t="s">
        <v>122</v>
      </c>
      <c r="E819" s="15" t="s">
        <v>215</v>
      </c>
      <c r="F819" s="16">
        <v>1686080</v>
      </c>
    </row>
    <row r="820" spans="1:6" ht="27.6" customHeight="1" x14ac:dyDescent="0.45">
      <c r="A820" s="17"/>
      <c r="B820" s="18"/>
      <c r="C820" s="15" t="s">
        <v>125</v>
      </c>
      <c r="D820" s="15" t="s">
        <v>122</v>
      </c>
      <c r="E820" s="15" t="s">
        <v>208</v>
      </c>
      <c r="F820" s="16">
        <v>1474657</v>
      </c>
    </row>
    <row r="821" spans="1:6" ht="27.6" customHeight="1" x14ac:dyDescent="0.45">
      <c r="A821" s="17"/>
      <c r="B821" s="18"/>
      <c r="C821" s="15" t="s">
        <v>111</v>
      </c>
      <c r="D821" s="15" t="s">
        <v>122</v>
      </c>
      <c r="E821" s="15" t="s">
        <v>215</v>
      </c>
      <c r="F821" s="16">
        <v>1167558</v>
      </c>
    </row>
    <row r="822" spans="1:6" ht="27.6" customHeight="1" x14ac:dyDescent="0.45">
      <c r="A822" s="17"/>
      <c r="B822" s="18"/>
      <c r="C822" s="15" t="s">
        <v>111</v>
      </c>
      <c r="D822" s="15" t="s">
        <v>122</v>
      </c>
      <c r="E822" s="15" t="s">
        <v>215</v>
      </c>
      <c r="F822" s="16">
        <v>1067984</v>
      </c>
    </row>
    <row r="823" spans="1:6" ht="27.6" customHeight="1" x14ac:dyDescent="0.45">
      <c r="A823" s="17"/>
      <c r="B823" s="18"/>
      <c r="C823" s="15" t="s">
        <v>125</v>
      </c>
      <c r="D823" s="15" t="s">
        <v>122</v>
      </c>
      <c r="E823" s="15" t="s">
        <v>227</v>
      </c>
      <c r="F823" s="16">
        <v>1005000</v>
      </c>
    </row>
    <row r="824" spans="1:6" ht="27.6" customHeight="1" x14ac:dyDescent="0.45">
      <c r="A824" s="17"/>
      <c r="B824" s="18"/>
      <c r="C824" s="15" t="s">
        <v>125</v>
      </c>
      <c r="D824" s="15" t="s">
        <v>122</v>
      </c>
      <c r="E824" s="15" t="s">
        <v>227</v>
      </c>
      <c r="F824" s="16">
        <v>990000</v>
      </c>
    </row>
    <row r="825" spans="1:6" ht="27.6" customHeight="1" x14ac:dyDescent="0.45">
      <c r="A825" s="17"/>
      <c r="B825" s="18"/>
      <c r="C825" s="15" t="s">
        <v>234</v>
      </c>
      <c r="D825" s="15" t="s">
        <v>122</v>
      </c>
      <c r="E825" s="15" t="s">
        <v>227</v>
      </c>
      <c r="F825" s="16">
        <v>990000</v>
      </c>
    </row>
    <row r="826" spans="1:6" ht="27.6" customHeight="1" x14ac:dyDescent="0.45">
      <c r="A826" s="17"/>
      <c r="B826" s="18"/>
      <c r="C826" s="15" t="s">
        <v>125</v>
      </c>
      <c r="D826" s="15" t="s">
        <v>122</v>
      </c>
      <c r="E826" s="15" t="s">
        <v>227</v>
      </c>
      <c r="F826" s="16">
        <v>990000</v>
      </c>
    </row>
    <row r="827" spans="1:6" ht="27.6" customHeight="1" x14ac:dyDescent="0.45">
      <c r="A827" s="17"/>
      <c r="B827" s="18"/>
      <c r="C827" s="15" t="s">
        <v>125</v>
      </c>
      <c r="D827" s="15" t="s">
        <v>122</v>
      </c>
      <c r="E827" s="15" t="s">
        <v>227</v>
      </c>
      <c r="F827" s="16">
        <v>990000</v>
      </c>
    </row>
    <row r="828" spans="1:6" ht="27.6" customHeight="1" x14ac:dyDescent="0.45">
      <c r="A828" s="17"/>
      <c r="B828" s="18"/>
      <c r="C828" s="15" t="s">
        <v>125</v>
      </c>
      <c r="D828" s="15" t="s">
        <v>122</v>
      </c>
      <c r="E828" s="15" t="s">
        <v>215</v>
      </c>
      <c r="F828" s="16">
        <v>990000</v>
      </c>
    </row>
    <row r="829" spans="1:6" ht="27.6" customHeight="1" x14ac:dyDescent="0.45">
      <c r="A829" s="17"/>
      <c r="B829" s="18"/>
      <c r="C829" s="15" t="s">
        <v>125</v>
      </c>
      <c r="D829" s="15" t="s">
        <v>122</v>
      </c>
      <c r="E829" s="15" t="s">
        <v>230</v>
      </c>
      <c r="F829" s="16">
        <v>990000</v>
      </c>
    </row>
    <row r="830" spans="1:6" ht="27.6" customHeight="1" x14ac:dyDescent="0.45">
      <c r="A830" s="17"/>
      <c r="B830" s="18"/>
      <c r="C830" s="15" t="s">
        <v>125</v>
      </c>
      <c r="D830" s="15" t="s">
        <v>122</v>
      </c>
      <c r="E830" s="15" t="s">
        <v>226</v>
      </c>
      <c r="F830" s="16">
        <v>968000</v>
      </c>
    </row>
    <row r="831" spans="1:6" ht="27.6" customHeight="1" x14ac:dyDescent="0.45">
      <c r="A831" s="17"/>
      <c r="B831" s="18"/>
      <c r="C831" s="15" t="s">
        <v>125</v>
      </c>
      <c r="D831" s="15" t="s">
        <v>122</v>
      </c>
      <c r="E831" s="15" t="s">
        <v>214</v>
      </c>
      <c r="F831" s="16">
        <v>891000</v>
      </c>
    </row>
    <row r="832" spans="1:6" ht="27.6" customHeight="1" x14ac:dyDescent="0.45">
      <c r="A832" s="17"/>
      <c r="B832" s="18"/>
      <c r="C832" s="15" t="s">
        <v>125</v>
      </c>
      <c r="D832" s="15" t="s">
        <v>122</v>
      </c>
      <c r="E832" s="15" t="s">
        <v>226</v>
      </c>
      <c r="F832" s="16">
        <v>748000</v>
      </c>
    </row>
    <row r="833" spans="1:6" ht="27.6" customHeight="1" x14ac:dyDescent="0.45">
      <c r="A833" s="17"/>
      <c r="B833" s="18"/>
      <c r="C833" s="15" t="s">
        <v>125</v>
      </c>
      <c r="D833" s="15" t="s">
        <v>122</v>
      </c>
      <c r="E833" s="15" t="s">
        <v>226</v>
      </c>
      <c r="F833" s="16">
        <v>598200</v>
      </c>
    </row>
    <row r="834" spans="1:6" ht="27.6" customHeight="1" x14ac:dyDescent="0.45">
      <c r="A834" s="17"/>
      <c r="B834" s="18"/>
      <c r="C834" s="15" t="s">
        <v>125</v>
      </c>
      <c r="D834" s="15" t="s">
        <v>122</v>
      </c>
      <c r="E834" s="15" t="s">
        <v>231</v>
      </c>
      <c r="F834" s="16">
        <v>584000</v>
      </c>
    </row>
    <row r="835" spans="1:6" ht="27.6" customHeight="1" x14ac:dyDescent="0.45">
      <c r="A835" s="17"/>
      <c r="B835" s="18"/>
      <c r="C835" s="15" t="s">
        <v>125</v>
      </c>
      <c r="D835" s="15" t="s">
        <v>122</v>
      </c>
      <c r="E835" s="15" t="s">
        <v>227</v>
      </c>
      <c r="F835" s="16">
        <v>495000</v>
      </c>
    </row>
    <row r="836" spans="1:6" ht="27.6" customHeight="1" x14ac:dyDescent="0.45">
      <c r="A836" s="17"/>
      <c r="B836" s="18"/>
      <c r="C836" s="15" t="s">
        <v>111</v>
      </c>
      <c r="D836" s="15" t="s">
        <v>122</v>
      </c>
      <c r="E836" s="15" t="s">
        <v>226</v>
      </c>
      <c r="F836" s="16">
        <v>495000</v>
      </c>
    </row>
    <row r="837" spans="1:6" ht="27.6" customHeight="1" x14ac:dyDescent="0.45">
      <c r="A837" s="17"/>
      <c r="B837" s="18"/>
      <c r="C837" s="15" t="s">
        <v>111</v>
      </c>
      <c r="D837" s="15" t="s">
        <v>122</v>
      </c>
      <c r="E837" s="15" t="s">
        <v>215</v>
      </c>
      <c r="F837" s="16">
        <v>300000</v>
      </c>
    </row>
    <row r="838" spans="1:6" ht="27.6" customHeight="1" x14ac:dyDescent="0.45">
      <c r="A838" s="17"/>
      <c r="B838" s="18"/>
      <c r="C838" s="15" t="s">
        <v>162</v>
      </c>
      <c r="D838" s="15" t="s">
        <v>122</v>
      </c>
      <c r="E838" s="15" t="s">
        <v>208</v>
      </c>
      <c r="F838" s="16">
        <v>286000</v>
      </c>
    </row>
    <row r="839" spans="1:6" ht="27.6" customHeight="1" x14ac:dyDescent="0.45">
      <c r="A839" s="17"/>
      <c r="B839" s="18"/>
      <c r="C839" s="15" t="s">
        <v>111</v>
      </c>
      <c r="D839" s="15" t="s">
        <v>126</v>
      </c>
      <c r="E839" s="15" t="s">
        <v>127</v>
      </c>
      <c r="F839" s="16">
        <v>286000</v>
      </c>
    </row>
    <row r="840" spans="1:6" ht="27.6" customHeight="1" x14ac:dyDescent="0.45">
      <c r="A840" s="17"/>
      <c r="B840" s="18"/>
      <c r="C840" s="15" t="s">
        <v>125</v>
      </c>
      <c r="D840" s="15" t="s">
        <v>122</v>
      </c>
      <c r="E840" s="15" t="s">
        <v>216</v>
      </c>
      <c r="F840" s="16">
        <v>90000</v>
      </c>
    </row>
    <row r="841" spans="1:6" ht="27.6" customHeight="1" x14ac:dyDescent="0.45">
      <c r="A841" s="17"/>
      <c r="B841" s="18"/>
      <c r="C841" s="15" t="s">
        <v>125</v>
      </c>
      <c r="D841" s="15" t="s">
        <v>122</v>
      </c>
      <c r="E841" s="15" t="s">
        <v>216</v>
      </c>
      <c r="F841" s="16">
        <v>76276</v>
      </c>
    </row>
    <row r="842" spans="1:6" ht="27.6" customHeight="1" x14ac:dyDescent="0.45">
      <c r="A842" s="17"/>
      <c r="B842" s="18"/>
      <c r="C842" s="15" t="s">
        <v>125</v>
      </c>
      <c r="D842" s="15" t="s">
        <v>122</v>
      </c>
      <c r="E842" s="15" t="s">
        <v>215</v>
      </c>
      <c r="F842" s="16">
        <v>51498</v>
      </c>
    </row>
    <row r="843" spans="1:6" ht="27.6" customHeight="1" x14ac:dyDescent="0.45">
      <c r="A843" s="17"/>
      <c r="B843" s="18"/>
      <c r="C843" s="15" t="s">
        <v>125</v>
      </c>
      <c r="D843" s="15" t="s">
        <v>122</v>
      </c>
      <c r="E843" s="15" t="s">
        <v>230</v>
      </c>
      <c r="F843" s="16">
        <v>45691</v>
      </c>
    </row>
    <row r="844" spans="1:6" ht="27.6" customHeight="1" thickBot="1" x14ac:dyDescent="0.5">
      <c r="A844" s="17"/>
      <c r="B844" s="18"/>
      <c r="C844" s="15" t="s">
        <v>125</v>
      </c>
      <c r="D844" s="15" t="s">
        <v>122</v>
      </c>
      <c r="E844" s="15" t="s">
        <v>231</v>
      </c>
      <c r="F844" s="16">
        <v>600</v>
      </c>
    </row>
    <row r="845" spans="1:6" ht="27.6" customHeight="1" thickTop="1" x14ac:dyDescent="0.45">
      <c r="A845" s="21"/>
      <c r="B845" s="22"/>
      <c r="C845" s="23" t="s">
        <v>116</v>
      </c>
      <c r="D845" s="24"/>
      <c r="E845" s="25" t="s">
        <v>235</v>
      </c>
      <c r="F845" s="26">
        <v>410166550</v>
      </c>
    </row>
    <row r="846" spans="1:6" ht="27.6" customHeight="1" x14ac:dyDescent="0.45">
      <c r="F846" s="3"/>
    </row>
    <row r="847" spans="1:6" ht="27.6" customHeight="1" x14ac:dyDescent="0.45">
      <c r="A847" s="5" t="s">
        <v>2</v>
      </c>
      <c r="B847" s="5" t="s">
        <v>107</v>
      </c>
      <c r="C847" s="5" t="s">
        <v>108</v>
      </c>
      <c r="D847" s="5" t="s">
        <v>109</v>
      </c>
      <c r="E847" s="5" t="s">
        <v>110</v>
      </c>
      <c r="F847" s="12" t="s">
        <v>5</v>
      </c>
    </row>
    <row r="848" spans="1:6" ht="27.6" customHeight="1" x14ac:dyDescent="0.45">
      <c r="A848" s="35">
        <v>29</v>
      </c>
      <c r="B848" s="36" t="s">
        <v>34</v>
      </c>
      <c r="C848" s="32" t="s">
        <v>121</v>
      </c>
      <c r="D848" s="15" t="s">
        <v>118</v>
      </c>
      <c r="E848" s="15" t="s">
        <v>157</v>
      </c>
      <c r="F848" s="16">
        <v>269192000</v>
      </c>
    </row>
    <row r="849" spans="1:6" ht="27" customHeight="1" thickBot="1" x14ac:dyDescent="0.5">
      <c r="A849" s="31"/>
      <c r="B849" s="14"/>
      <c r="C849" s="33" t="s">
        <v>121</v>
      </c>
      <c r="D849" s="19" t="s">
        <v>118</v>
      </c>
      <c r="E849" s="19" t="s">
        <v>157</v>
      </c>
      <c r="F849" s="20">
        <v>140851000</v>
      </c>
    </row>
    <row r="850" spans="1:6" ht="27" customHeight="1" thickTop="1" x14ac:dyDescent="0.45">
      <c r="A850" s="21"/>
      <c r="B850" s="22"/>
      <c r="C850" s="23" t="s">
        <v>116</v>
      </c>
      <c r="D850" s="24"/>
      <c r="E850" s="25" t="s">
        <v>236</v>
      </c>
      <c r="F850" s="26">
        <v>410043000</v>
      </c>
    </row>
    <row r="851" spans="1:6" ht="27" customHeight="1" x14ac:dyDescent="0.45">
      <c r="F851" s="3"/>
    </row>
    <row r="852" spans="1:6" ht="27" customHeight="1" x14ac:dyDescent="0.45">
      <c r="A852" s="5" t="s">
        <v>2</v>
      </c>
      <c r="B852" s="5" t="s">
        <v>107</v>
      </c>
      <c r="C852" s="5" t="s">
        <v>108</v>
      </c>
      <c r="D852" s="5" t="s">
        <v>109</v>
      </c>
      <c r="E852" s="5" t="s">
        <v>110</v>
      </c>
      <c r="F852" s="12" t="s">
        <v>5</v>
      </c>
    </row>
    <row r="853" spans="1:6" ht="27" customHeight="1" x14ac:dyDescent="0.45">
      <c r="A853" s="13">
        <v>30</v>
      </c>
      <c r="B853" s="14" t="s">
        <v>35</v>
      </c>
      <c r="C853" s="15" t="s">
        <v>111</v>
      </c>
      <c r="D853" s="15" t="s">
        <v>129</v>
      </c>
      <c r="E853" s="15" t="s">
        <v>191</v>
      </c>
      <c r="F853" s="16">
        <v>386486888</v>
      </c>
    </row>
    <row r="854" spans="1:6" ht="27" customHeight="1" x14ac:dyDescent="0.45">
      <c r="A854" s="17"/>
      <c r="B854" s="18"/>
      <c r="C854" s="15" t="s">
        <v>111</v>
      </c>
      <c r="D854" s="15" t="s">
        <v>129</v>
      </c>
      <c r="E854" s="15" t="s">
        <v>137</v>
      </c>
      <c r="F854" s="16">
        <v>18572000</v>
      </c>
    </row>
    <row r="855" spans="1:6" ht="27" customHeight="1" x14ac:dyDescent="0.45">
      <c r="A855" s="17"/>
      <c r="B855" s="18"/>
      <c r="C855" s="15" t="s">
        <v>111</v>
      </c>
      <c r="D855" s="15" t="s">
        <v>129</v>
      </c>
      <c r="E855" s="15" t="s">
        <v>137</v>
      </c>
      <c r="F855" s="16">
        <v>4158785</v>
      </c>
    </row>
    <row r="856" spans="1:6" ht="27" customHeight="1" thickBot="1" x14ac:dyDescent="0.5">
      <c r="A856" s="17"/>
      <c r="B856" s="18"/>
      <c r="C856" s="19" t="s">
        <v>111</v>
      </c>
      <c r="D856" s="19" t="s">
        <v>129</v>
      </c>
      <c r="E856" s="19" t="s">
        <v>191</v>
      </c>
      <c r="F856" s="20">
        <v>165000</v>
      </c>
    </row>
    <row r="857" spans="1:6" ht="27" customHeight="1" thickTop="1" x14ac:dyDescent="0.45">
      <c r="A857" s="21"/>
      <c r="B857" s="22"/>
      <c r="C857" s="23" t="s">
        <v>116</v>
      </c>
      <c r="D857" s="24"/>
      <c r="E857" s="25" t="s">
        <v>117</v>
      </c>
      <c r="F857" s="26">
        <v>409382673</v>
      </c>
    </row>
    <row r="858" spans="1:6" ht="27" customHeight="1" x14ac:dyDescent="0.45">
      <c r="F858" s="3"/>
    </row>
    <row r="859" spans="1:6" ht="27" customHeight="1" x14ac:dyDescent="0.45">
      <c r="A859" s="5" t="s">
        <v>2</v>
      </c>
      <c r="B859" s="5" t="s">
        <v>107</v>
      </c>
      <c r="C859" s="5" t="s">
        <v>108</v>
      </c>
      <c r="D859" s="5" t="s">
        <v>109</v>
      </c>
      <c r="E859" s="5" t="s">
        <v>110</v>
      </c>
      <c r="F859" s="12" t="s">
        <v>5</v>
      </c>
    </row>
    <row r="860" spans="1:6" ht="27" customHeight="1" x14ac:dyDescent="0.45">
      <c r="A860" s="13">
        <v>31</v>
      </c>
      <c r="B860" s="29" t="s">
        <v>36</v>
      </c>
      <c r="C860" s="15" t="s">
        <v>145</v>
      </c>
      <c r="D860" s="15" t="s">
        <v>122</v>
      </c>
      <c r="E860" s="15" t="s">
        <v>237</v>
      </c>
      <c r="F860" s="16">
        <v>351688120</v>
      </c>
    </row>
    <row r="861" spans="1:6" ht="27" customHeight="1" x14ac:dyDescent="0.45">
      <c r="A861" s="17"/>
      <c r="B861" s="30"/>
      <c r="C861" s="15" t="s">
        <v>145</v>
      </c>
      <c r="D861" s="15" t="s">
        <v>122</v>
      </c>
      <c r="E861" s="15" t="s">
        <v>237</v>
      </c>
      <c r="F861" s="16">
        <v>24502500</v>
      </c>
    </row>
    <row r="862" spans="1:6" ht="27" customHeight="1" x14ac:dyDescent="0.45">
      <c r="A862" s="17"/>
      <c r="B862" s="18"/>
      <c r="C862" s="15" t="s">
        <v>145</v>
      </c>
      <c r="D862" s="15" t="s">
        <v>122</v>
      </c>
      <c r="E862" s="15" t="s">
        <v>237</v>
      </c>
      <c r="F862" s="16">
        <v>3214000</v>
      </c>
    </row>
    <row r="863" spans="1:6" ht="27" customHeight="1" x14ac:dyDescent="0.45">
      <c r="A863" s="17"/>
      <c r="B863" s="18"/>
      <c r="C863" s="15" t="s">
        <v>145</v>
      </c>
      <c r="D863" s="15" t="s">
        <v>122</v>
      </c>
      <c r="E863" s="15" t="s">
        <v>237</v>
      </c>
      <c r="F863" s="16">
        <v>1650000</v>
      </c>
    </row>
    <row r="864" spans="1:6" ht="27" customHeight="1" x14ac:dyDescent="0.45">
      <c r="A864" s="17"/>
      <c r="B864" s="18"/>
      <c r="C864" s="15" t="s">
        <v>145</v>
      </c>
      <c r="D864" s="15" t="s">
        <v>122</v>
      </c>
      <c r="E864" s="15" t="s">
        <v>237</v>
      </c>
      <c r="F864" s="16">
        <v>1050000</v>
      </c>
    </row>
    <row r="865" spans="1:6" ht="27" customHeight="1" x14ac:dyDescent="0.45">
      <c r="A865" s="17"/>
      <c r="B865" s="18"/>
      <c r="C865" s="15" t="s">
        <v>145</v>
      </c>
      <c r="D865" s="15" t="s">
        <v>122</v>
      </c>
      <c r="E865" s="15" t="s">
        <v>237</v>
      </c>
      <c r="F865" s="16">
        <v>551000</v>
      </c>
    </row>
    <row r="866" spans="1:6" ht="27" customHeight="1" x14ac:dyDescent="0.45">
      <c r="A866" s="17"/>
      <c r="B866" s="18"/>
      <c r="C866" s="15" t="s">
        <v>145</v>
      </c>
      <c r="D866" s="15" t="s">
        <v>122</v>
      </c>
      <c r="E866" s="15" t="s">
        <v>237</v>
      </c>
      <c r="F866" s="16">
        <v>435000</v>
      </c>
    </row>
    <row r="867" spans="1:6" ht="27" customHeight="1" x14ac:dyDescent="0.45">
      <c r="A867" s="17"/>
      <c r="B867" s="18"/>
      <c r="C867" s="15" t="s">
        <v>145</v>
      </c>
      <c r="D867" s="15" t="s">
        <v>122</v>
      </c>
      <c r="E867" s="15" t="s">
        <v>237</v>
      </c>
      <c r="F867" s="16">
        <v>360000</v>
      </c>
    </row>
    <row r="868" spans="1:6" ht="27" customHeight="1" x14ac:dyDescent="0.45">
      <c r="A868" s="17"/>
      <c r="B868" s="18"/>
      <c r="C868" s="15" t="s">
        <v>145</v>
      </c>
      <c r="D868" s="15" t="s">
        <v>122</v>
      </c>
      <c r="E868" s="15" t="s">
        <v>237</v>
      </c>
      <c r="F868" s="16">
        <v>332000</v>
      </c>
    </row>
    <row r="869" spans="1:6" ht="27" customHeight="1" thickBot="1" x14ac:dyDescent="0.5">
      <c r="A869" s="17"/>
      <c r="B869" s="18"/>
      <c r="C869" s="19" t="s">
        <v>145</v>
      </c>
      <c r="D869" s="19" t="s">
        <v>122</v>
      </c>
      <c r="E869" s="19" t="s">
        <v>237</v>
      </c>
      <c r="F869" s="20">
        <v>276000</v>
      </c>
    </row>
    <row r="870" spans="1:6" ht="27" customHeight="1" thickTop="1" x14ac:dyDescent="0.45">
      <c r="A870" s="21"/>
      <c r="B870" s="22"/>
      <c r="C870" s="23" t="s">
        <v>116</v>
      </c>
      <c r="D870" s="24"/>
      <c r="E870" s="25" t="s">
        <v>238</v>
      </c>
      <c r="F870" s="26">
        <v>384058620</v>
      </c>
    </row>
    <row r="871" spans="1:6" ht="27" customHeight="1" x14ac:dyDescent="0.45">
      <c r="F871" s="3"/>
    </row>
    <row r="872" spans="1:6" ht="27" customHeight="1" x14ac:dyDescent="0.45">
      <c r="A872" s="5" t="s">
        <v>2</v>
      </c>
      <c r="B872" s="5" t="s">
        <v>107</v>
      </c>
      <c r="C872" s="5" t="s">
        <v>108</v>
      </c>
      <c r="D872" s="5" t="s">
        <v>109</v>
      </c>
      <c r="E872" s="5" t="s">
        <v>110</v>
      </c>
      <c r="F872" s="12" t="s">
        <v>5</v>
      </c>
    </row>
    <row r="873" spans="1:6" ht="27" customHeight="1" x14ac:dyDescent="0.45">
      <c r="A873" s="13">
        <v>32</v>
      </c>
      <c r="B873" s="29" t="s">
        <v>37</v>
      </c>
      <c r="C873" s="15" t="s">
        <v>152</v>
      </c>
      <c r="D873" s="15" t="s">
        <v>122</v>
      </c>
      <c r="E873" s="15" t="s">
        <v>206</v>
      </c>
      <c r="F873" s="16">
        <v>18236500</v>
      </c>
    </row>
    <row r="874" spans="1:6" ht="27" customHeight="1" x14ac:dyDescent="0.45">
      <c r="A874" s="17"/>
      <c r="B874" s="30"/>
      <c r="C874" s="15" t="s">
        <v>125</v>
      </c>
      <c r="D874" s="15" t="s">
        <v>122</v>
      </c>
      <c r="E874" s="15" t="s">
        <v>227</v>
      </c>
      <c r="F874" s="16">
        <v>14832000</v>
      </c>
    </row>
    <row r="875" spans="1:6" ht="27" customHeight="1" x14ac:dyDescent="0.45">
      <c r="A875" s="17"/>
      <c r="B875" s="18"/>
      <c r="C875" s="15" t="s">
        <v>111</v>
      </c>
      <c r="D875" s="15" t="s">
        <v>122</v>
      </c>
      <c r="E875" s="15" t="s">
        <v>214</v>
      </c>
      <c r="F875" s="16">
        <v>14396500</v>
      </c>
    </row>
    <row r="876" spans="1:6" ht="27" customHeight="1" x14ac:dyDescent="0.45">
      <c r="A876" s="17"/>
      <c r="B876" s="18"/>
      <c r="C876" s="15" t="s">
        <v>125</v>
      </c>
      <c r="D876" s="15" t="s">
        <v>122</v>
      </c>
      <c r="E876" s="15" t="s">
        <v>226</v>
      </c>
      <c r="F876" s="16">
        <v>12000000</v>
      </c>
    </row>
    <row r="877" spans="1:6" ht="27" customHeight="1" x14ac:dyDescent="0.45">
      <c r="A877" s="17"/>
      <c r="B877" s="18"/>
      <c r="C877" s="15" t="s">
        <v>111</v>
      </c>
      <c r="D877" s="15" t="s">
        <v>122</v>
      </c>
      <c r="E877" s="15" t="s">
        <v>230</v>
      </c>
      <c r="F877" s="16">
        <v>11825000</v>
      </c>
    </row>
    <row r="878" spans="1:6" ht="27" customHeight="1" x14ac:dyDescent="0.45">
      <c r="A878" s="17"/>
      <c r="B878" s="18"/>
      <c r="C878" s="15" t="s">
        <v>125</v>
      </c>
      <c r="D878" s="15" t="s">
        <v>122</v>
      </c>
      <c r="E878" s="15" t="s">
        <v>227</v>
      </c>
      <c r="F878" s="16">
        <v>10989082</v>
      </c>
    </row>
    <row r="879" spans="1:6" ht="27" customHeight="1" x14ac:dyDescent="0.45">
      <c r="A879" s="17"/>
      <c r="B879" s="18"/>
      <c r="C879" s="15" t="s">
        <v>111</v>
      </c>
      <c r="D879" s="15" t="s">
        <v>122</v>
      </c>
      <c r="E879" s="15" t="s">
        <v>215</v>
      </c>
      <c r="F879" s="16">
        <v>10408200</v>
      </c>
    </row>
    <row r="880" spans="1:6" ht="27" customHeight="1" x14ac:dyDescent="0.45">
      <c r="A880" s="17"/>
      <c r="B880" s="18"/>
      <c r="C880" s="32" t="s">
        <v>125</v>
      </c>
      <c r="D880" s="15" t="s">
        <v>122</v>
      </c>
      <c r="E880" s="15" t="s">
        <v>227</v>
      </c>
      <c r="F880" s="16">
        <v>10000000</v>
      </c>
    </row>
    <row r="881" spans="1:6" ht="27" customHeight="1" x14ac:dyDescent="0.45">
      <c r="A881" s="17"/>
      <c r="B881" s="18"/>
      <c r="C881" s="32" t="s">
        <v>125</v>
      </c>
      <c r="D881" s="15" t="s">
        <v>122</v>
      </c>
      <c r="E881" s="15" t="s">
        <v>226</v>
      </c>
      <c r="F881" s="16">
        <v>9497300</v>
      </c>
    </row>
    <row r="882" spans="1:6" ht="27" customHeight="1" x14ac:dyDescent="0.45">
      <c r="A882" s="17"/>
      <c r="B882" s="18"/>
      <c r="C882" s="15" t="s">
        <v>111</v>
      </c>
      <c r="D882" s="15" t="s">
        <v>122</v>
      </c>
      <c r="E882" s="15" t="s">
        <v>214</v>
      </c>
      <c r="F882" s="16">
        <v>9233346</v>
      </c>
    </row>
    <row r="883" spans="1:6" ht="27" customHeight="1" x14ac:dyDescent="0.45">
      <c r="A883" s="17"/>
      <c r="B883" s="18"/>
      <c r="C883" s="15" t="s">
        <v>111</v>
      </c>
      <c r="D883" s="15" t="s">
        <v>122</v>
      </c>
      <c r="E883" s="15" t="s">
        <v>216</v>
      </c>
      <c r="F883" s="16">
        <v>9178360</v>
      </c>
    </row>
    <row r="884" spans="1:6" ht="27" customHeight="1" x14ac:dyDescent="0.45">
      <c r="A884" s="17"/>
      <c r="B884" s="18"/>
      <c r="C884" s="15" t="s">
        <v>111</v>
      </c>
      <c r="D884" s="15" t="s">
        <v>122</v>
      </c>
      <c r="E884" s="15" t="s">
        <v>215</v>
      </c>
      <c r="F884" s="16">
        <v>9000000</v>
      </c>
    </row>
    <row r="885" spans="1:6" ht="27" customHeight="1" x14ac:dyDescent="0.45">
      <c r="A885" s="21"/>
      <c r="B885" s="22"/>
      <c r="C885" s="32" t="s">
        <v>125</v>
      </c>
      <c r="D885" s="15" t="s">
        <v>122</v>
      </c>
      <c r="E885" s="15" t="s">
        <v>231</v>
      </c>
      <c r="F885" s="16">
        <v>9000000</v>
      </c>
    </row>
    <row r="886" spans="1:6" ht="27" customHeight="1" x14ac:dyDescent="0.45">
      <c r="A886" s="31"/>
      <c r="B886" s="14"/>
      <c r="C886" s="32" t="s">
        <v>111</v>
      </c>
      <c r="D886" s="15" t="s">
        <v>122</v>
      </c>
      <c r="E886" s="15" t="s">
        <v>230</v>
      </c>
      <c r="F886" s="16">
        <v>8992140</v>
      </c>
    </row>
    <row r="887" spans="1:6" ht="27" customHeight="1" x14ac:dyDescent="0.45">
      <c r="A887" s="17"/>
      <c r="B887" s="18"/>
      <c r="C887" s="15" t="s">
        <v>125</v>
      </c>
      <c r="D887" s="15" t="s">
        <v>122</v>
      </c>
      <c r="E887" s="15" t="s">
        <v>227</v>
      </c>
      <c r="F887" s="16">
        <v>8280918</v>
      </c>
    </row>
    <row r="888" spans="1:6" ht="27" customHeight="1" x14ac:dyDescent="0.45">
      <c r="A888" s="17"/>
      <c r="B888" s="18"/>
      <c r="C888" s="15" t="s">
        <v>125</v>
      </c>
      <c r="D888" s="15" t="s">
        <v>122</v>
      </c>
      <c r="E888" s="15" t="s">
        <v>231</v>
      </c>
      <c r="F888" s="16">
        <v>7121550</v>
      </c>
    </row>
    <row r="889" spans="1:6" ht="27" customHeight="1" x14ac:dyDescent="0.45">
      <c r="A889" s="17"/>
      <c r="B889" s="18"/>
      <c r="C889" s="15" t="s">
        <v>125</v>
      </c>
      <c r="D889" s="15" t="s">
        <v>122</v>
      </c>
      <c r="E889" s="15" t="s">
        <v>227</v>
      </c>
      <c r="F889" s="16">
        <v>7008800</v>
      </c>
    </row>
    <row r="890" spans="1:6" ht="27" customHeight="1" x14ac:dyDescent="0.45">
      <c r="A890" s="17"/>
      <c r="B890" s="18"/>
      <c r="C890" s="15" t="s">
        <v>152</v>
      </c>
      <c r="D890" s="15" t="s">
        <v>122</v>
      </c>
      <c r="E890" s="15" t="s">
        <v>206</v>
      </c>
      <c r="F890" s="16">
        <v>6300000</v>
      </c>
    </row>
    <row r="891" spans="1:6" ht="27" customHeight="1" x14ac:dyDescent="0.45">
      <c r="A891" s="17"/>
      <c r="B891" s="18"/>
      <c r="C891" s="15" t="s">
        <v>111</v>
      </c>
      <c r="D891" s="15" t="s">
        <v>122</v>
      </c>
      <c r="E891" s="15" t="s">
        <v>214</v>
      </c>
      <c r="F891" s="16">
        <v>6225000</v>
      </c>
    </row>
    <row r="892" spans="1:6" ht="27" customHeight="1" x14ac:dyDescent="0.45">
      <c r="A892" s="17"/>
      <c r="B892" s="18"/>
      <c r="C892" s="15" t="s">
        <v>111</v>
      </c>
      <c r="D892" s="15" t="s">
        <v>122</v>
      </c>
      <c r="E892" s="15" t="s">
        <v>216</v>
      </c>
      <c r="F892" s="16">
        <v>6001666</v>
      </c>
    </row>
    <row r="893" spans="1:6" ht="27" customHeight="1" x14ac:dyDescent="0.45">
      <c r="A893" s="17"/>
      <c r="B893" s="18"/>
      <c r="C893" s="15" t="s">
        <v>125</v>
      </c>
      <c r="D893" s="15" t="s">
        <v>122</v>
      </c>
      <c r="E893" s="15" t="s">
        <v>231</v>
      </c>
      <c r="F893" s="16">
        <v>5717800</v>
      </c>
    </row>
    <row r="894" spans="1:6" ht="27" customHeight="1" x14ac:dyDescent="0.45">
      <c r="A894" s="17"/>
      <c r="B894" s="18"/>
      <c r="C894" s="15" t="s">
        <v>111</v>
      </c>
      <c r="D894" s="15" t="s">
        <v>122</v>
      </c>
      <c r="E894" s="15" t="s">
        <v>230</v>
      </c>
      <c r="F894" s="16">
        <v>5187960</v>
      </c>
    </row>
    <row r="895" spans="1:6" ht="27" customHeight="1" x14ac:dyDescent="0.45">
      <c r="A895" s="17"/>
      <c r="B895" s="18"/>
      <c r="C895" s="15" t="s">
        <v>125</v>
      </c>
      <c r="D895" s="15" t="s">
        <v>122</v>
      </c>
      <c r="E895" s="15" t="s">
        <v>231</v>
      </c>
      <c r="F895" s="16">
        <v>5024140</v>
      </c>
    </row>
    <row r="896" spans="1:6" ht="27" customHeight="1" x14ac:dyDescent="0.45">
      <c r="A896" s="17"/>
      <c r="B896" s="18"/>
      <c r="C896" s="15" t="s">
        <v>111</v>
      </c>
      <c r="D896" s="15" t="s">
        <v>122</v>
      </c>
      <c r="E896" s="15" t="s">
        <v>216</v>
      </c>
      <c r="F896" s="16">
        <v>4985280</v>
      </c>
    </row>
    <row r="897" spans="1:6" ht="27" customHeight="1" x14ac:dyDescent="0.45">
      <c r="A897" s="17"/>
      <c r="B897" s="18"/>
      <c r="C897" s="15" t="s">
        <v>125</v>
      </c>
      <c r="D897" s="15" t="s">
        <v>122</v>
      </c>
      <c r="E897" s="15" t="s">
        <v>230</v>
      </c>
      <c r="F897" s="16">
        <v>4743200</v>
      </c>
    </row>
    <row r="898" spans="1:6" ht="27" customHeight="1" x14ac:dyDescent="0.45">
      <c r="A898" s="17"/>
      <c r="B898" s="18"/>
      <c r="C898" s="15" t="s">
        <v>125</v>
      </c>
      <c r="D898" s="15" t="s">
        <v>122</v>
      </c>
      <c r="E898" s="15" t="s">
        <v>226</v>
      </c>
      <c r="F898" s="16">
        <v>4710000</v>
      </c>
    </row>
    <row r="899" spans="1:6" ht="27" customHeight="1" x14ac:dyDescent="0.45">
      <c r="A899" s="17"/>
      <c r="B899" s="18"/>
      <c r="C899" s="15" t="s">
        <v>125</v>
      </c>
      <c r="D899" s="15" t="s">
        <v>122</v>
      </c>
      <c r="E899" s="15" t="s">
        <v>215</v>
      </c>
      <c r="F899" s="16">
        <v>4587020</v>
      </c>
    </row>
    <row r="900" spans="1:6" ht="27" customHeight="1" x14ac:dyDescent="0.45">
      <c r="A900" s="17"/>
      <c r="B900" s="18"/>
      <c r="C900" s="15" t="s">
        <v>125</v>
      </c>
      <c r="D900" s="15" t="s">
        <v>122</v>
      </c>
      <c r="E900" s="15" t="s">
        <v>226</v>
      </c>
      <c r="F900" s="16">
        <v>4567300</v>
      </c>
    </row>
    <row r="901" spans="1:6" ht="27" customHeight="1" x14ac:dyDescent="0.45">
      <c r="A901" s="17"/>
      <c r="B901" s="18"/>
      <c r="C901" s="15" t="s">
        <v>125</v>
      </c>
      <c r="D901" s="15" t="s">
        <v>122</v>
      </c>
      <c r="E901" s="15" t="s">
        <v>230</v>
      </c>
      <c r="F901" s="16">
        <v>4529800</v>
      </c>
    </row>
    <row r="902" spans="1:6" ht="27" customHeight="1" x14ac:dyDescent="0.45">
      <c r="A902" s="17"/>
      <c r="B902" s="18"/>
      <c r="C902" s="15" t="s">
        <v>125</v>
      </c>
      <c r="D902" s="15" t="s">
        <v>122</v>
      </c>
      <c r="E902" s="15" t="s">
        <v>206</v>
      </c>
      <c r="F902" s="16">
        <v>4473700</v>
      </c>
    </row>
    <row r="903" spans="1:6" ht="27" customHeight="1" x14ac:dyDescent="0.45">
      <c r="A903" s="17"/>
      <c r="B903" s="18"/>
      <c r="C903" s="15" t="s">
        <v>125</v>
      </c>
      <c r="D903" s="15" t="s">
        <v>122</v>
      </c>
      <c r="E903" s="15" t="s">
        <v>231</v>
      </c>
      <c r="F903" s="16">
        <v>4374700</v>
      </c>
    </row>
    <row r="904" spans="1:6" ht="27" customHeight="1" x14ac:dyDescent="0.45">
      <c r="A904" s="17"/>
      <c r="B904" s="18"/>
      <c r="C904" s="15" t="s">
        <v>125</v>
      </c>
      <c r="D904" s="15" t="s">
        <v>122</v>
      </c>
      <c r="E904" s="15" t="s">
        <v>226</v>
      </c>
      <c r="F904" s="16">
        <v>4367600</v>
      </c>
    </row>
    <row r="905" spans="1:6" ht="27" customHeight="1" x14ac:dyDescent="0.45">
      <c r="A905" s="17"/>
      <c r="B905" s="18"/>
      <c r="C905" s="15" t="s">
        <v>152</v>
      </c>
      <c r="D905" s="15" t="s">
        <v>122</v>
      </c>
      <c r="E905" s="15" t="s">
        <v>206</v>
      </c>
      <c r="F905" s="16">
        <v>4268400</v>
      </c>
    </row>
    <row r="906" spans="1:6" ht="27" customHeight="1" x14ac:dyDescent="0.45">
      <c r="A906" s="17"/>
      <c r="B906" s="18"/>
      <c r="C906" s="15" t="s">
        <v>111</v>
      </c>
      <c r="D906" s="15" t="s">
        <v>122</v>
      </c>
      <c r="E906" s="15" t="s">
        <v>214</v>
      </c>
      <c r="F906" s="16">
        <v>4120000</v>
      </c>
    </row>
    <row r="907" spans="1:6" ht="27" customHeight="1" x14ac:dyDescent="0.45">
      <c r="A907" s="17"/>
      <c r="B907" s="18"/>
      <c r="C907" s="15" t="s">
        <v>125</v>
      </c>
      <c r="D907" s="15" t="s">
        <v>122</v>
      </c>
      <c r="E907" s="15" t="s">
        <v>226</v>
      </c>
      <c r="F907" s="16">
        <v>4000000</v>
      </c>
    </row>
    <row r="908" spans="1:6" ht="27" customHeight="1" x14ac:dyDescent="0.45">
      <c r="A908" s="17"/>
      <c r="B908" s="18"/>
      <c r="C908" s="15" t="s">
        <v>111</v>
      </c>
      <c r="D908" s="15" t="s">
        <v>122</v>
      </c>
      <c r="E908" s="15" t="s">
        <v>208</v>
      </c>
      <c r="F908" s="16">
        <v>3958900</v>
      </c>
    </row>
    <row r="909" spans="1:6" ht="27" customHeight="1" x14ac:dyDescent="0.45">
      <c r="A909" s="17"/>
      <c r="B909" s="18"/>
      <c r="C909" s="15" t="s">
        <v>111</v>
      </c>
      <c r="D909" s="15" t="s">
        <v>122</v>
      </c>
      <c r="E909" s="15" t="s">
        <v>216</v>
      </c>
      <c r="F909" s="16">
        <v>3791256</v>
      </c>
    </row>
    <row r="910" spans="1:6" ht="27" customHeight="1" x14ac:dyDescent="0.45">
      <c r="A910" s="17"/>
      <c r="B910" s="18"/>
      <c r="C910" s="15" t="s">
        <v>125</v>
      </c>
      <c r="D910" s="15" t="s">
        <v>122</v>
      </c>
      <c r="E910" s="15" t="s">
        <v>206</v>
      </c>
      <c r="F910" s="16">
        <v>3779380</v>
      </c>
    </row>
    <row r="911" spans="1:6" ht="27" customHeight="1" x14ac:dyDescent="0.45">
      <c r="A911" s="17"/>
      <c r="B911" s="18"/>
      <c r="C911" s="15" t="s">
        <v>111</v>
      </c>
      <c r="D911" s="15" t="s">
        <v>122</v>
      </c>
      <c r="E911" s="15" t="s">
        <v>215</v>
      </c>
      <c r="F911" s="16">
        <v>3761300</v>
      </c>
    </row>
    <row r="912" spans="1:6" ht="27" customHeight="1" x14ac:dyDescent="0.45">
      <c r="A912" s="17"/>
      <c r="B912" s="18"/>
      <c r="C912" s="15" t="s">
        <v>111</v>
      </c>
      <c r="D912" s="15" t="s">
        <v>122</v>
      </c>
      <c r="E912" s="15" t="s">
        <v>215</v>
      </c>
      <c r="F912" s="16">
        <v>3760220</v>
      </c>
    </row>
    <row r="913" spans="1:6" ht="27" customHeight="1" x14ac:dyDescent="0.45">
      <c r="A913" s="17"/>
      <c r="B913" s="18"/>
      <c r="C913" s="15" t="s">
        <v>111</v>
      </c>
      <c r="D913" s="15" t="s">
        <v>122</v>
      </c>
      <c r="E913" s="15" t="s">
        <v>214</v>
      </c>
      <c r="F913" s="16">
        <v>3750000</v>
      </c>
    </row>
    <row r="914" spans="1:6" ht="27" customHeight="1" x14ac:dyDescent="0.45">
      <c r="A914" s="17"/>
      <c r="B914" s="18"/>
      <c r="C914" s="32" t="s">
        <v>111</v>
      </c>
      <c r="D914" s="15" t="s">
        <v>122</v>
      </c>
      <c r="E914" s="15" t="s">
        <v>214</v>
      </c>
      <c r="F914" s="16">
        <v>3750000</v>
      </c>
    </row>
    <row r="915" spans="1:6" ht="27" customHeight="1" x14ac:dyDescent="0.45">
      <c r="A915" s="17"/>
      <c r="B915" s="18"/>
      <c r="C915" s="32" t="s">
        <v>111</v>
      </c>
      <c r="D915" s="15" t="s">
        <v>122</v>
      </c>
      <c r="E915" s="15" t="s">
        <v>214</v>
      </c>
      <c r="F915" s="16">
        <v>3450000</v>
      </c>
    </row>
    <row r="916" spans="1:6" ht="27" customHeight="1" x14ac:dyDescent="0.45">
      <c r="A916" s="17"/>
      <c r="B916" s="18"/>
      <c r="C916" s="15" t="s">
        <v>111</v>
      </c>
      <c r="D916" s="15" t="s">
        <v>122</v>
      </c>
      <c r="E916" s="15" t="s">
        <v>216</v>
      </c>
      <c r="F916" s="16">
        <v>3436676</v>
      </c>
    </row>
    <row r="917" spans="1:6" ht="27" customHeight="1" x14ac:dyDescent="0.45">
      <c r="A917" s="17"/>
      <c r="B917" s="18"/>
      <c r="C917" s="15" t="s">
        <v>125</v>
      </c>
      <c r="D917" s="15" t="s">
        <v>122</v>
      </c>
      <c r="E917" s="15" t="s">
        <v>231</v>
      </c>
      <c r="F917" s="16">
        <v>3402500</v>
      </c>
    </row>
    <row r="918" spans="1:6" ht="27" customHeight="1" x14ac:dyDescent="0.45">
      <c r="A918" s="17"/>
      <c r="B918" s="18"/>
      <c r="C918" s="15" t="s">
        <v>125</v>
      </c>
      <c r="D918" s="15" t="s">
        <v>122</v>
      </c>
      <c r="E918" s="15" t="s">
        <v>206</v>
      </c>
      <c r="F918" s="16">
        <v>3305554</v>
      </c>
    </row>
    <row r="919" spans="1:6" ht="27" customHeight="1" x14ac:dyDescent="0.45">
      <c r="A919" s="17"/>
      <c r="B919" s="18"/>
      <c r="C919" s="15" t="s">
        <v>125</v>
      </c>
      <c r="D919" s="15" t="s">
        <v>122</v>
      </c>
      <c r="E919" s="15" t="s">
        <v>226</v>
      </c>
      <c r="F919" s="16">
        <v>3209500</v>
      </c>
    </row>
    <row r="920" spans="1:6" ht="27" customHeight="1" x14ac:dyDescent="0.45">
      <c r="A920" s="17"/>
      <c r="B920" s="18"/>
      <c r="C920" s="15" t="s">
        <v>111</v>
      </c>
      <c r="D920" s="15" t="s">
        <v>122</v>
      </c>
      <c r="E920" s="15" t="s">
        <v>216</v>
      </c>
      <c r="F920" s="16">
        <v>3133656</v>
      </c>
    </row>
    <row r="921" spans="1:6" ht="27" customHeight="1" x14ac:dyDescent="0.45">
      <c r="A921" s="17"/>
      <c r="B921" s="18"/>
      <c r="C921" s="15" t="s">
        <v>111</v>
      </c>
      <c r="D921" s="15" t="s">
        <v>122</v>
      </c>
      <c r="E921" s="15" t="s">
        <v>216</v>
      </c>
      <c r="F921" s="16">
        <v>3131304</v>
      </c>
    </row>
    <row r="922" spans="1:6" ht="27" customHeight="1" x14ac:dyDescent="0.45">
      <c r="A922" s="21"/>
      <c r="B922" s="22"/>
      <c r="C922" s="32" t="s">
        <v>125</v>
      </c>
      <c r="D922" s="15" t="s">
        <v>122</v>
      </c>
      <c r="E922" s="15" t="s">
        <v>231</v>
      </c>
      <c r="F922" s="16">
        <v>3015985</v>
      </c>
    </row>
    <row r="923" spans="1:6" ht="27" customHeight="1" x14ac:dyDescent="0.45">
      <c r="A923" s="31"/>
      <c r="B923" s="14"/>
      <c r="C923" s="32" t="s">
        <v>152</v>
      </c>
      <c r="D923" s="15" t="s">
        <v>122</v>
      </c>
      <c r="E923" s="15" t="s">
        <v>206</v>
      </c>
      <c r="F923" s="16">
        <v>2962576</v>
      </c>
    </row>
    <row r="924" spans="1:6" ht="27" customHeight="1" x14ac:dyDescent="0.45">
      <c r="A924" s="17"/>
      <c r="B924" s="18"/>
      <c r="C924" s="15" t="s">
        <v>125</v>
      </c>
      <c r="D924" s="15" t="s">
        <v>122</v>
      </c>
      <c r="E924" s="15" t="s">
        <v>226</v>
      </c>
      <c r="F924" s="16">
        <v>2870000</v>
      </c>
    </row>
    <row r="925" spans="1:6" ht="27" customHeight="1" x14ac:dyDescent="0.45">
      <c r="A925" s="17"/>
      <c r="B925" s="18"/>
      <c r="C925" s="15" t="s">
        <v>125</v>
      </c>
      <c r="D925" s="15" t="s">
        <v>122</v>
      </c>
      <c r="E925" s="15" t="s">
        <v>227</v>
      </c>
      <c r="F925" s="16">
        <v>2640000</v>
      </c>
    </row>
    <row r="926" spans="1:6" ht="27" customHeight="1" x14ac:dyDescent="0.45">
      <c r="A926" s="17"/>
      <c r="B926" s="18"/>
      <c r="C926" s="15" t="s">
        <v>111</v>
      </c>
      <c r="D926" s="15" t="s">
        <v>122</v>
      </c>
      <c r="E926" s="15" t="s">
        <v>214</v>
      </c>
      <c r="F926" s="16">
        <v>2622225</v>
      </c>
    </row>
    <row r="927" spans="1:6" ht="27" customHeight="1" x14ac:dyDescent="0.45">
      <c r="A927" s="17"/>
      <c r="B927" s="18"/>
      <c r="C927" s="15" t="s">
        <v>125</v>
      </c>
      <c r="D927" s="15" t="s">
        <v>122</v>
      </c>
      <c r="E927" s="15" t="s">
        <v>226</v>
      </c>
      <c r="F927" s="16">
        <v>2550000</v>
      </c>
    </row>
    <row r="928" spans="1:6" ht="27" customHeight="1" x14ac:dyDescent="0.45">
      <c r="A928" s="17"/>
      <c r="B928" s="18"/>
      <c r="C928" s="15" t="s">
        <v>111</v>
      </c>
      <c r="D928" s="15" t="s">
        <v>122</v>
      </c>
      <c r="E928" s="15" t="s">
        <v>215</v>
      </c>
      <c r="F928" s="16">
        <v>2402880</v>
      </c>
    </row>
    <row r="929" spans="1:6" ht="27" customHeight="1" x14ac:dyDescent="0.45">
      <c r="A929" s="17"/>
      <c r="B929" s="18"/>
      <c r="C929" s="15" t="s">
        <v>111</v>
      </c>
      <c r="D929" s="15" t="s">
        <v>122</v>
      </c>
      <c r="E929" s="15" t="s">
        <v>214</v>
      </c>
      <c r="F929" s="16">
        <v>2400000</v>
      </c>
    </row>
    <row r="930" spans="1:6" ht="27" customHeight="1" x14ac:dyDescent="0.45">
      <c r="A930" s="17"/>
      <c r="B930" s="18"/>
      <c r="C930" s="15" t="s">
        <v>111</v>
      </c>
      <c r="D930" s="15" t="s">
        <v>122</v>
      </c>
      <c r="E930" s="15" t="s">
        <v>216</v>
      </c>
      <c r="F930" s="16">
        <v>2348478</v>
      </c>
    </row>
    <row r="931" spans="1:6" ht="27" customHeight="1" x14ac:dyDescent="0.45">
      <c r="A931" s="17"/>
      <c r="B931" s="18"/>
      <c r="C931" s="15" t="s">
        <v>125</v>
      </c>
      <c r="D931" s="15" t="s">
        <v>122</v>
      </c>
      <c r="E931" s="15" t="s">
        <v>206</v>
      </c>
      <c r="F931" s="16">
        <v>2308228</v>
      </c>
    </row>
    <row r="932" spans="1:6" ht="27" customHeight="1" x14ac:dyDescent="0.45">
      <c r="A932" s="17"/>
      <c r="B932" s="18"/>
      <c r="C932" s="15" t="s">
        <v>111</v>
      </c>
      <c r="D932" s="15" t="s">
        <v>122</v>
      </c>
      <c r="E932" s="15" t="s">
        <v>216</v>
      </c>
      <c r="F932" s="16">
        <v>2300736</v>
      </c>
    </row>
    <row r="933" spans="1:6" ht="27" customHeight="1" x14ac:dyDescent="0.45">
      <c r="A933" s="17"/>
      <c r="B933" s="18"/>
      <c r="C933" s="15" t="s">
        <v>111</v>
      </c>
      <c r="D933" s="15" t="s">
        <v>122</v>
      </c>
      <c r="E933" s="15" t="s">
        <v>214</v>
      </c>
      <c r="F933" s="16">
        <v>2266175</v>
      </c>
    </row>
    <row r="934" spans="1:6" ht="27" customHeight="1" x14ac:dyDescent="0.45">
      <c r="A934" s="17"/>
      <c r="B934" s="18"/>
      <c r="C934" s="15" t="s">
        <v>125</v>
      </c>
      <c r="D934" s="15" t="s">
        <v>122</v>
      </c>
      <c r="E934" s="15" t="s">
        <v>231</v>
      </c>
      <c r="F934" s="16">
        <v>2000000</v>
      </c>
    </row>
    <row r="935" spans="1:6" ht="27" customHeight="1" x14ac:dyDescent="0.45">
      <c r="A935" s="17"/>
      <c r="B935" s="18"/>
      <c r="C935" s="15" t="s">
        <v>125</v>
      </c>
      <c r="D935" s="15" t="s">
        <v>122</v>
      </c>
      <c r="E935" s="15" t="s">
        <v>226</v>
      </c>
      <c r="F935" s="16">
        <v>2000000</v>
      </c>
    </row>
    <row r="936" spans="1:6" ht="27" customHeight="1" x14ac:dyDescent="0.45">
      <c r="A936" s="17"/>
      <c r="B936" s="18"/>
      <c r="C936" s="15" t="s">
        <v>111</v>
      </c>
      <c r="D936" s="15" t="s">
        <v>122</v>
      </c>
      <c r="E936" s="15" t="s">
        <v>214</v>
      </c>
      <c r="F936" s="16">
        <v>1925000</v>
      </c>
    </row>
    <row r="937" spans="1:6" ht="27" customHeight="1" x14ac:dyDescent="0.45">
      <c r="A937" s="17"/>
      <c r="B937" s="18"/>
      <c r="C937" s="15" t="s">
        <v>125</v>
      </c>
      <c r="D937" s="15" t="s">
        <v>122</v>
      </c>
      <c r="E937" s="15" t="s">
        <v>231</v>
      </c>
      <c r="F937" s="16">
        <v>1892650</v>
      </c>
    </row>
    <row r="938" spans="1:6" ht="27" customHeight="1" x14ac:dyDescent="0.45">
      <c r="A938" s="17"/>
      <c r="B938" s="18"/>
      <c r="C938" s="15" t="s">
        <v>152</v>
      </c>
      <c r="D938" s="15" t="s">
        <v>122</v>
      </c>
      <c r="E938" s="15" t="s">
        <v>206</v>
      </c>
      <c r="F938" s="16">
        <v>1772924</v>
      </c>
    </row>
    <row r="939" spans="1:6" ht="27" customHeight="1" x14ac:dyDescent="0.45">
      <c r="A939" s="17"/>
      <c r="B939" s="18"/>
      <c r="C939" s="15" t="s">
        <v>152</v>
      </c>
      <c r="D939" s="15" t="s">
        <v>122</v>
      </c>
      <c r="E939" s="15" t="s">
        <v>206</v>
      </c>
      <c r="F939" s="16">
        <v>1694454</v>
      </c>
    </row>
    <row r="940" spans="1:6" ht="27" customHeight="1" x14ac:dyDescent="0.45">
      <c r="A940" s="17"/>
      <c r="B940" s="18"/>
      <c r="C940" s="15" t="s">
        <v>125</v>
      </c>
      <c r="D940" s="15" t="s">
        <v>122</v>
      </c>
      <c r="E940" s="15" t="s">
        <v>227</v>
      </c>
      <c r="F940" s="16">
        <v>1619500</v>
      </c>
    </row>
    <row r="941" spans="1:6" ht="27" customHeight="1" x14ac:dyDescent="0.45">
      <c r="A941" s="17"/>
      <c r="B941" s="18"/>
      <c r="C941" s="15" t="s">
        <v>111</v>
      </c>
      <c r="D941" s="15" t="s">
        <v>122</v>
      </c>
      <c r="E941" s="15" t="s">
        <v>216</v>
      </c>
      <c r="F941" s="16">
        <v>1572271</v>
      </c>
    </row>
    <row r="942" spans="1:6" ht="27" customHeight="1" x14ac:dyDescent="0.45">
      <c r="A942" s="17"/>
      <c r="B942" s="18"/>
      <c r="C942" s="15" t="s">
        <v>111</v>
      </c>
      <c r="D942" s="15" t="s">
        <v>122</v>
      </c>
      <c r="E942" s="15" t="s">
        <v>214</v>
      </c>
      <c r="F942" s="16">
        <v>1023814</v>
      </c>
    </row>
    <row r="943" spans="1:6" ht="27" customHeight="1" x14ac:dyDescent="0.45">
      <c r="A943" s="17"/>
      <c r="B943" s="18"/>
      <c r="C943" s="15" t="s">
        <v>111</v>
      </c>
      <c r="D943" s="15" t="s">
        <v>122</v>
      </c>
      <c r="E943" s="15" t="s">
        <v>214</v>
      </c>
      <c r="F943" s="16">
        <v>1018540</v>
      </c>
    </row>
    <row r="944" spans="1:6" ht="27" customHeight="1" x14ac:dyDescent="0.45">
      <c r="A944" s="17"/>
      <c r="B944" s="18"/>
      <c r="C944" s="15" t="s">
        <v>125</v>
      </c>
      <c r="D944" s="15" t="s">
        <v>122</v>
      </c>
      <c r="E944" s="15" t="s">
        <v>231</v>
      </c>
      <c r="F944" s="16">
        <v>1000000</v>
      </c>
    </row>
    <row r="945" spans="1:6" ht="27" customHeight="1" x14ac:dyDescent="0.45">
      <c r="A945" s="17"/>
      <c r="B945" s="18"/>
      <c r="C945" s="15" t="s">
        <v>125</v>
      </c>
      <c r="D945" s="15" t="s">
        <v>122</v>
      </c>
      <c r="E945" s="15" t="s">
        <v>231</v>
      </c>
      <c r="F945" s="16">
        <v>934775</v>
      </c>
    </row>
    <row r="946" spans="1:6" ht="27" customHeight="1" x14ac:dyDescent="0.45">
      <c r="A946" s="17"/>
      <c r="B946" s="18"/>
      <c r="C946" s="15" t="s">
        <v>125</v>
      </c>
      <c r="D946" s="15" t="s">
        <v>122</v>
      </c>
      <c r="E946" s="15" t="s">
        <v>206</v>
      </c>
      <c r="F946" s="16">
        <v>899718</v>
      </c>
    </row>
    <row r="947" spans="1:6" ht="27" customHeight="1" x14ac:dyDescent="0.45">
      <c r="A947" s="17"/>
      <c r="B947" s="18"/>
      <c r="C947" s="15" t="s">
        <v>125</v>
      </c>
      <c r="D947" s="15" t="s">
        <v>122</v>
      </c>
      <c r="E947" s="15" t="s">
        <v>215</v>
      </c>
      <c r="F947" s="16">
        <v>843020</v>
      </c>
    </row>
    <row r="948" spans="1:6" ht="27" customHeight="1" x14ac:dyDescent="0.45">
      <c r="A948" s="17"/>
      <c r="B948" s="18"/>
      <c r="C948" s="32" t="s">
        <v>125</v>
      </c>
      <c r="D948" s="15" t="s">
        <v>122</v>
      </c>
      <c r="E948" s="15" t="s">
        <v>227</v>
      </c>
      <c r="F948" s="16">
        <v>700000</v>
      </c>
    </row>
    <row r="949" spans="1:6" ht="27" customHeight="1" x14ac:dyDescent="0.45">
      <c r="A949" s="17"/>
      <c r="B949" s="18"/>
      <c r="C949" s="32" t="s">
        <v>111</v>
      </c>
      <c r="D949" s="15" t="s">
        <v>122</v>
      </c>
      <c r="E949" s="15" t="s">
        <v>216</v>
      </c>
      <c r="F949" s="16">
        <v>601417</v>
      </c>
    </row>
    <row r="950" spans="1:6" ht="27" customHeight="1" x14ac:dyDescent="0.45">
      <c r="A950" s="17"/>
      <c r="B950" s="18"/>
      <c r="C950" s="15" t="s">
        <v>152</v>
      </c>
      <c r="D950" s="15" t="s">
        <v>232</v>
      </c>
      <c r="E950" s="15" t="s">
        <v>239</v>
      </c>
      <c r="F950" s="16">
        <v>165440</v>
      </c>
    </row>
    <row r="951" spans="1:6" ht="27" customHeight="1" x14ac:dyDescent="0.45">
      <c r="A951" s="17"/>
      <c r="B951" s="18"/>
      <c r="C951" s="15" t="s">
        <v>125</v>
      </c>
      <c r="D951" s="15" t="s">
        <v>204</v>
      </c>
      <c r="E951" s="15" t="s">
        <v>240</v>
      </c>
      <c r="F951" s="16">
        <v>155540</v>
      </c>
    </row>
    <row r="952" spans="1:6" ht="27" customHeight="1" x14ac:dyDescent="0.45">
      <c r="A952" s="17"/>
      <c r="B952" s="18"/>
      <c r="C952" s="15" t="s">
        <v>152</v>
      </c>
      <c r="D952" s="15" t="s">
        <v>232</v>
      </c>
      <c r="E952" s="15" t="s">
        <v>239</v>
      </c>
      <c r="F952" s="16">
        <v>108240</v>
      </c>
    </row>
    <row r="953" spans="1:6" ht="27" customHeight="1" x14ac:dyDescent="0.45">
      <c r="A953" s="17"/>
      <c r="B953" s="18"/>
      <c r="C953" s="15" t="s">
        <v>152</v>
      </c>
      <c r="D953" s="15" t="s">
        <v>232</v>
      </c>
      <c r="E953" s="15" t="s">
        <v>241</v>
      </c>
      <c r="F953" s="16">
        <v>97460</v>
      </c>
    </row>
    <row r="954" spans="1:6" ht="27" customHeight="1" x14ac:dyDescent="0.45">
      <c r="A954" s="17"/>
      <c r="B954" s="18"/>
      <c r="C954" s="15" t="s">
        <v>111</v>
      </c>
      <c r="D954" s="15" t="s">
        <v>232</v>
      </c>
      <c r="E954" s="15" t="s">
        <v>242</v>
      </c>
      <c r="F954" s="16">
        <v>90530</v>
      </c>
    </row>
    <row r="955" spans="1:6" ht="27" customHeight="1" x14ac:dyDescent="0.45">
      <c r="A955" s="17"/>
      <c r="B955" s="18"/>
      <c r="C955" s="15" t="s">
        <v>152</v>
      </c>
      <c r="D955" s="15" t="s">
        <v>204</v>
      </c>
      <c r="E955" s="15" t="s">
        <v>240</v>
      </c>
      <c r="F955" s="16">
        <v>64130</v>
      </c>
    </row>
    <row r="956" spans="1:6" ht="27" customHeight="1" x14ac:dyDescent="0.45">
      <c r="A956" s="17"/>
      <c r="B956" s="18"/>
      <c r="C956" s="15" t="s">
        <v>152</v>
      </c>
      <c r="D956" s="15" t="s">
        <v>204</v>
      </c>
      <c r="E956" s="15" t="s">
        <v>240</v>
      </c>
      <c r="F956" s="16">
        <v>55880</v>
      </c>
    </row>
    <row r="957" spans="1:6" ht="27" customHeight="1" x14ac:dyDescent="0.45">
      <c r="A957" s="17"/>
      <c r="B957" s="18"/>
      <c r="C957" s="15" t="s">
        <v>152</v>
      </c>
      <c r="D957" s="15" t="s">
        <v>204</v>
      </c>
      <c r="E957" s="15" t="s">
        <v>240</v>
      </c>
      <c r="F957" s="16">
        <v>55880</v>
      </c>
    </row>
    <row r="958" spans="1:6" ht="27" customHeight="1" x14ac:dyDescent="0.45">
      <c r="A958" s="17"/>
      <c r="B958" s="18"/>
      <c r="C958" s="15" t="s">
        <v>152</v>
      </c>
      <c r="D958" s="15" t="s">
        <v>204</v>
      </c>
      <c r="E958" s="15" t="s">
        <v>243</v>
      </c>
      <c r="F958" s="16">
        <v>55880</v>
      </c>
    </row>
    <row r="959" spans="1:6" ht="27" customHeight="1" x14ac:dyDescent="0.45">
      <c r="A959" s="21"/>
      <c r="B959" s="22"/>
      <c r="C959" s="32" t="s">
        <v>152</v>
      </c>
      <c r="D959" s="15" t="s">
        <v>232</v>
      </c>
      <c r="E959" s="15" t="s">
        <v>241</v>
      </c>
      <c r="F959" s="16">
        <v>55880</v>
      </c>
    </row>
    <row r="960" spans="1:6" ht="27" customHeight="1" x14ac:dyDescent="0.45">
      <c r="A960" s="31"/>
      <c r="B960" s="14"/>
      <c r="C960" s="32" t="s">
        <v>152</v>
      </c>
      <c r="D960" s="15" t="s">
        <v>232</v>
      </c>
      <c r="E960" s="15" t="s">
        <v>233</v>
      </c>
      <c r="F960" s="16">
        <v>46640</v>
      </c>
    </row>
    <row r="961" spans="1:6" ht="27" customHeight="1" x14ac:dyDescent="0.45">
      <c r="A961" s="17"/>
      <c r="B961" s="18"/>
      <c r="C961" s="15" t="s">
        <v>152</v>
      </c>
      <c r="D961" s="15" t="s">
        <v>232</v>
      </c>
      <c r="E961" s="15" t="s">
        <v>241</v>
      </c>
      <c r="F961" s="16">
        <v>40700</v>
      </c>
    </row>
    <row r="962" spans="1:6" ht="27" customHeight="1" x14ac:dyDescent="0.45">
      <c r="A962" s="17"/>
      <c r="B962" s="18"/>
      <c r="C962" s="15" t="s">
        <v>152</v>
      </c>
      <c r="D962" s="15" t="s">
        <v>232</v>
      </c>
      <c r="E962" s="15" t="s">
        <v>241</v>
      </c>
      <c r="F962" s="16">
        <v>27500</v>
      </c>
    </row>
    <row r="963" spans="1:6" ht="27" customHeight="1" x14ac:dyDescent="0.45">
      <c r="A963" s="17"/>
      <c r="B963" s="18"/>
      <c r="C963" s="15" t="s">
        <v>152</v>
      </c>
      <c r="D963" s="15" t="s">
        <v>232</v>
      </c>
      <c r="E963" s="15" t="s">
        <v>239</v>
      </c>
      <c r="F963" s="16">
        <v>27500</v>
      </c>
    </row>
    <row r="964" spans="1:6" ht="27" customHeight="1" x14ac:dyDescent="0.45">
      <c r="A964" s="17"/>
      <c r="B964" s="18"/>
      <c r="C964" s="15" t="s">
        <v>152</v>
      </c>
      <c r="D964" s="15" t="s">
        <v>232</v>
      </c>
      <c r="E964" s="15" t="s">
        <v>239</v>
      </c>
      <c r="F964" s="16">
        <v>27500</v>
      </c>
    </row>
    <row r="965" spans="1:6" ht="27" customHeight="1" thickBot="1" x14ac:dyDescent="0.5">
      <c r="A965" s="17"/>
      <c r="B965" s="18"/>
      <c r="C965" s="15" t="s">
        <v>125</v>
      </c>
      <c r="D965" s="15" t="s">
        <v>122</v>
      </c>
      <c r="E965" s="15" t="s">
        <v>206</v>
      </c>
      <c r="F965" s="16">
        <v>4346</v>
      </c>
    </row>
    <row r="966" spans="1:6" ht="27" customHeight="1" thickTop="1" x14ac:dyDescent="0.45">
      <c r="A966" s="21"/>
      <c r="B966" s="22"/>
      <c r="C966" s="23" t="s">
        <v>116</v>
      </c>
      <c r="D966" s="24"/>
      <c r="E966" s="25" t="s">
        <v>244</v>
      </c>
      <c r="F966" s="26">
        <v>371067920</v>
      </c>
    </row>
    <row r="967" spans="1:6" ht="27" customHeight="1" x14ac:dyDescent="0.45">
      <c r="F967" s="3"/>
    </row>
    <row r="968" spans="1:6" ht="27" customHeight="1" x14ac:dyDescent="0.45">
      <c r="A968" s="5" t="s">
        <v>2</v>
      </c>
      <c r="B968" s="5" t="s">
        <v>107</v>
      </c>
      <c r="C968" s="5" t="s">
        <v>108</v>
      </c>
      <c r="D968" s="5" t="s">
        <v>109</v>
      </c>
      <c r="E968" s="5" t="s">
        <v>110</v>
      </c>
      <c r="F968" s="12" t="s">
        <v>5</v>
      </c>
    </row>
    <row r="969" spans="1:6" ht="27" customHeight="1" x14ac:dyDescent="0.45">
      <c r="A969" s="13">
        <v>33</v>
      </c>
      <c r="B969" s="29" t="s">
        <v>38</v>
      </c>
      <c r="C969" s="15" t="s">
        <v>162</v>
      </c>
      <c r="D969" s="15" t="s">
        <v>142</v>
      </c>
      <c r="E969" s="15" t="s">
        <v>245</v>
      </c>
      <c r="F969" s="16">
        <v>320023548</v>
      </c>
    </row>
    <row r="970" spans="1:6" ht="27" customHeight="1" x14ac:dyDescent="0.45">
      <c r="A970" s="17"/>
      <c r="B970" s="30"/>
      <c r="C970" s="15" t="s">
        <v>162</v>
      </c>
      <c r="D970" s="15" t="s">
        <v>126</v>
      </c>
      <c r="E970" s="15" t="s">
        <v>246</v>
      </c>
      <c r="F970" s="16">
        <v>40730800</v>
      </c>
    </row>
    <row r="971" spans="1:6" ht="27" customHeight="1" thickBot="1" x14ac:dyDescent="0.5">
      <c r="A971" s="17"/>
      <c r="B971" s="30"/>
      <c r="C971" s="19" t="s">
        <v>111</v>
      </c>
      <c r="D971" s="19" t="s">
        <v>142</v>
      </c>
      <c r="E971" s="19" t="s">
        <v>245</v>
      </c>
      <c r="F971" s="20">
        <v>2953280</v>
      </c>
    </row>
    <row r="972" spans="1:6" ht="27" customHeight="1" thickTop="1" x14ac:dyDescent="0.45">
      <c r="A972" s="21"/>
      <c r="B972" s="22"/>
      <c r="C972" s="23" t="s">
        <v>116</v>
      </c>
      <c r="D972" s="24"/>
      <c r="E972" s="25" t="s">
        <v>192</v>
      </c>
      <c r="F972" s="26">
        <v>363707628</v>
      </c>
    </row>
    <row r="973" spans="1:6" ht="27" customHeight="1" x14ac:dyDescent="0.45">
      <c r="F973" s="3"/>
    </row>
    <row r="974" spans="1:6" ht="27" customHeight="1" x14ac:dyDescent="0.45">
      <c r="A974" s="5" t="s">
        <v>2</v>
      </c>
      <c r="B974" s="5" t="s">
        <v>107</v>
      </c>
      <c r="C974" s="5" t="s">
        <v>108</v>
      </c>
      <c r="D974" s="5" t="s">
        <v>109</v>
      </c>
      <c r="E974" s="5" t="s">
        <v>110</v>
      </c>
      <c r="F974" s="12" t="s">
        <v>5</v>
      </c>
    </row>
    <row r="975" spans="1:6" ht="27" customHeight="1" x14ac:dyDescent="0.45">
      <c r="A975" s="13">
        <v>34</v>
      </c>
      <c r="B975" s="29" t="s">
        <v>39</v>
      </c>
      <c r="C975" s="15" t="s">
        <v>125</v>
      </c>
      <c r="D975" s="15" t="s">
        <v>122</v>
      </c>
      <c r="E975" s="15" t="s">
        <v>247</v>
      </c>
      <c r="F975" s="16">
        <v>38651800</v>
      </c>
    </row>
    <row r="976" spans="1:6" ht="27" customHeight="1" x14ac:dyDescent="0.45">
      <c r="A976" s="17"/>
      <c r="B976" s="30"/>
      <c r="C976" s="15" t="s">
        <v>152</v>
      </c>
      <c r="D976" s="15" t="s">
        <v>122</v>
      </c>
      <c r="E976" s="15" t="s">
        <v>214</v>
      </c>
      <c r="F976" s="16">
        <v>36055800</v>
      </c>
    </row>
    <row r="977" spans="1:6" ht="27" customHeight="1" x14ac:dyDescent="0.45">
      <c r="A977" s="17"/>
      <c r="B977" s="18"/>
      <c r="C977" s="15" t="s">
        <v>152</v>
      </c>
      <c r="D977" s="15" t="s">
        <v>122</v>
      </c>
      <c r="E977" s="15" t="s">
        <v>206</v>
      </c>
      <c r="F977" s="16">
        <v>25390784</v>
      </c>
    </row>
    <row r="978" spans="1:6" ht="27" customHeight="1" x14ac:dyDescent="0.45">
      <c r="A978" s="17"/>
      <c r="B978" s="18"/>
      <c r="C978" s="15" t="s">
        <v>125</v>
      </c>
      <c r="D978" s="15" t="s">
        <v>122</v>
      </c>
      <c r="E978" s="15" t="s">
        <v>231</v>
      </c>
      <c r="F978" s="16">
        <v>24670480</v>
      </c>
    </row>
    <row r="979" spans="1:6" ht="27" customHeight="1" x14ac:dyDescent="0.45">
      <c r="A979" s="17"/>
      <c r="B979" s="18"/>
      <c r="C979" s="15" t="s">
        <v>125</v>
      </c>
      <c r="D979" s="15" t="s">
        <v>122</v>
      </c>
      <c r="E979" s="15" t="s">
        <v>231</v>
      </c>
      <c r="F979" s="16">
        <v>19647940</v>
      </c>
    </row>
    <row r="980" spans="1:6" ht="27" customHeight="1" x14ac:dyDescent="0.45">
      <c r="A980" s="17"/>
      <c r="B980" s="18"/>
      <c r="C980" s="15" t="s">
        <v>125</v>
      </c>
      <c r="D980" s="15" t="s">
        <v>122</v>
      </c>
      <c r="E980" s="15" t="s">
        <v>247</v>
      </c>
      <c r="F980" s="16">
        <v>19542600</v>
      </c>
    </row>
    <row r="981" spans="1:6" ht="27" customHeight="1" x14ac:dyDescent="0.45">
      <c r="A981" s="17"/>
      <c r="B981" s="18"/>
      <c r="C981" s="15" t="s">
        <v>125</v>
      </c>
      <c r="D981" s="15" t="s">
        <v>122</v>
      </c>
      <c r="E981" s="15" t="s">
        <v>216</v>
      </c>
      <c r="F981" s="16">
        <v>18379648</v>
      </c>
    </row>
    <row r="982" spans="1:6" ht="27" customHeight="1" x14ac:dyDescent="0.45">
      <c r="A982" s="17"/>
      <c r="B982" s="18"/>
      <c r="C982" s="32" t="s">
        <v>125</v>
      </c>
      <c r="D982" s="15" t="s">
        <v>232</v>
      </c>
      <c r="E982" s="15" t="s">
        <v>239</v>
      </c>
      <c r="F982" s="16">
        <v>17479000</v>
      </c>
    </row>
    <row r="983" spans="1:6" ht="27" customHeight="1" x14ac:dyDescent="0.45">
      <c r="A983" s="17"/>
      <c r="B983" s="18"/>
      <c r="C983" s="32" t="s">
        <v>152</v>
      </c>
      <c r="D983" s="15" t="s">
        <v>122</v>
      </c>
      <c r="E983" s="15" t="s">
        <v>206</v>
      </c>
      <c r="F983" s="16">
        <v>16082516</v>
      </c>
    </row>
    <row r="984" spans="1:6" ht="27" customHeight="1" x14ac:dyDescent="0.45">
      <c r="A984" s="17"/>
      <c r="B984" s="18"/>
      <c r="C984" s="15" t="s">
        <v>152</v>
      </c>
      <c r="D984" s="15" t="s">
        <v>122</v>
      </c>
      <c r="E984" s="15" t="s">
        <v>206</v>
      </c>
      <c r="F984" s="16">
        <v>12959400</v>
      </c>
    </row>
    <row r="985" spans="1:6" ht="27" customHeight="1" x14ac:dyDescent="0.45">
      <c r="A985" s="17"/>
      <c r="B985" s="18"/>
      <c r="C985" s="15" t="s">
        <v>125</v>
      </c>
      <c r="D985" s="15" t="s">
        <v>122</v>
      </c>
      <c r="E985" s="15" t="s">
        <v>231</v>
      </c>
      <c r="F985" s="16">
        <v>12875544</v>
      </c>
    </row>
    <row r="986" spans="1:6" ht="27" customHeight="1" x14ac:dyDescent="0.45">
      <c r="A986" s="17"/>
      <c r="B986" s="18"/>
      <c r="C986" s="15" t="s">
        <v>125</v>
      </c>
      <c r="D986" s="15" t="s">
        <v>122</v>
      </c>
      <c r="E986" s="15" t="s">
        <v>226</v>
      </c>
      <c r="F986" s="16">
        <v>10845918</v>
      </c>
    </row>
    <row r="987" spans="1:6" ht="27" customHeight="1" x14ac:dyDescent="0.45">
      <c r="A987" s="17"/>
      <c r="B987" s="18"/>
      <c r="C987" s="15" t="s">
        <v>125</v>
      </c>
      <c r="D987" s="15" t="s">
        <v>204</v>
      </c>
      <c r="E987" s="15" t="s">
        <v>248</v>
      </c>
      <c r="F987" s="16">
        <v>10483000</v>
      </c>
    </row>
    <row r="988" spans="1:6" ht="27" customHeight="1" x14ac:dyDescent="0.45">
      <c r="A988" s="17"/>
      <c r="B988" s="18"/>
      <c r="C988" s="15" t="s">
        <v>125</v>
      </c>
      <c r="D988" s="15" t="s">
        <v>204</v>
      </c>
      <c r="E988" s="15" t="s">
        <v>243</v>
      </c>
      <c r="F988" s="16">
        <v>9989650</v>
      </c>
    </row>
    <row r="989" spans="1:6" ht="27" customHeight="1" x14ac:dyDescent="0.45">
      <c r="A989" s="17"/>
      <c r="B989" s="18"/>
      <c r="C989" s="15" t="s">
        <v>125</v>
      </c>
      <c r="D989" s="15" t="s">
        <v>122</v>
      </c>
      <c r="E989" s="15" t="s">
        <v>214</v>
      </c>
      <c r="F989" s="16">
        <v>8596700</v>
      </c>
    </row>
    <row r="990" spans="1:6" ht="27" customHeight="1" x14ac:dyDescent="0.45">
      <c r="A990" s="17"/>
      <c r="B990" s="18"/>
      <c r="C990" s="15" t="s">
        <v>125</v>
      </c>
      <c r="D990" s="15" t="s">
        <v>122</v>
      </c>
      <c r="E990" s="15" t="s">
        <v>208</v>
      </c>
      <c r="F990" s="16">
        <v>8340000</v>
      </c>
    </row>
    <row r="991" spans="1:6" ht="27" customHeight="1" x14ac:dyDescent="0.45">
      <c r="A991" s="17"/>
      <c r="B991" s="18"/>
      <c r="C991" s="15" t="s">
        <v>125</v>
      </c>
      <c r="D991" s="15" t="s">
        <v>122</v>
      </c>
      <c r="E991" s="15" t="s">
        <v>230</v>
      </c>
      <c r="F991" s="16">
        <v>7462860</v>
      </c>
    </row>
    <row r="992" spans="1:6" ht="27" customHeight="1" x14ac:dyDescent="0.45">
      <c r="A992" s="17"/>
      <c r="B992" s="18"/>
      <c r="C992" s="15" t="s">
        <v>125</v>
      </c>
      <c r="D992" s="15" t="s">
        <v>232</v>
      </c>
      <c r="E992" s="15" t="s">
        <v>239</v>
      </c>
      <c r="F992" s="16">
        <v>7249000</v>
      </c>
    </row>
    <row r="993" spans="1:6" ht="27" customHeight="1" x14ac:dyDescent="0.45">
      <c r="A993" s="17"/>
      <c r="B993" s="18"/>
      <c r="C993" s="15" t="s">
        <v>125</v>
      </c>
      <c r="D993" s="15" t="s">
        <v>122</v>
      </c>
      <c r="E993" s="15" t="s">
        <v>231</v>
      </c>
      <c r="F993" s="16">
        <v>6996814</v>
      </c>
    </row>
    <row r="994" spans="1:6" ht="27" customHeight="1" x14ac:dyDescent="0.45">
      <c r="A994" s="17"/>
      <c r="B994" s="18"/>
      <c r="C994" s="15" t="s">
        <v>125</v>
      </c>
      <c r="D994" s="15" t="s">
        <v>122</v>
      </c>
      <c r="E994" s="15" t="s">
        <v>208</v>
      </c>
      <c r="F994" s="16">
        <v>5040000</v>
      </c>
    </row>
    <row r="995" spans="1:6" ht="27" customHeight="1" x14ac:dyDescent="0.45">
      <c r="A995" s="17"/>
      <c r="B995" s="18"/>
      <c r="C995" s="15" t="s">
        <v>152</v>
      </c>
      <c r="D995" s="15" t="s">
        <v>122</v>
      </c>
      <c r="E995" s="15" t="s">
        <v>227</v>
      </c>
      <c r="F995" s="16">
        <v>4877400</v>
      </c>
    </row>
    <row r="996" spans="1:6" ht="27" customHeight="1" x14ac:dyDescent="0.45">
      <c r="A996" s="21"/>
      <c r="B996" s="22"/>
      <c r="C996" s="32" t="s">
        <v>152</v>
      </c>
      <c r="D996" s="15" t="s">
        <v>122</v>
      </c>
      <c r="E996" s="15" t="s">
        <v>231</v>
      </c>
      <c r="F996" s="16">
        <v>3990800</v>
      </c>
    </row>
    <row r="997" spans="1:6" ht="27" customHeight="1" x14ac:dyDescent="0.45">
      <c r="A997" s="31"/>
      <c r="B997" s="14"/>
      <c r="C997" s="32" t="s">
        <v>152</v>
      </c>
      <c r="D997" s="15" t="s">
        <v>122</v>
      </c>
      <c r="E997" s="15" t="s">
        <v>227</v>
      </c>
      <c r="F997" s="16">
        <v>1380500</v>
      </c>
    </row>
    <row r="998" spans="1:6" ht="27" customHeight="1" x14ac:dyDescent="0.45">
      <c r="A998" s="17"/>
      <c r="B998" s="18"/>
      <c r="C998" s="15" t="s">
        <v>125</v>
      </c>
      <c r="D998" s="15" t="s">
        <v>122</v>
      </c>
      <c r="E998" s="15" t="s">
        <v>230</v>
      </c>
      <c r="F998" s="16">
        <v>1256140</v>
      </c>
    </row>
    <row r="999" spans="1:6" ht="27" customHeight="1" x14ac:dyDescent="0.45">
      <c r="A999" s="17"/>
      <c r="B999" s="18"/>
      <c r="C999" s="15" t="s">
        <v>125</v>
      </c>
      <c r="D999" s="15" t="s">
        <v>122</v>
      </c>
      <c r="E999" s="15" t="s">
        <v>231</v>
      </c>
      <c r="F999" s="16">
        <v>1033385</v>
      </c>
    </row>
    <row r="1000" spans="1:6" ht="27" customHeight="1" x14ac:dyDescent="0.45">
      <c r="A1000" s="17"/>
      <c r="B1000" s="18"/>
      <c r="C1000" s="15" t="s">
        <v>152</v>
      </c>
      <c r="D1000" s="15" t="s">
        <v>122</v>
      </c>
      <c r="E1000" s="15" t="s">
        <v>227</v>
      </c>
      <c r="F1000" s="16">
        <v>990000</v>
      </c>
    </row>
    <row r="1001" spans="1:6" ht="27" customHeight="1" x14ac:dyDescent="0.45">
      <c r="A1001" s="17"/>
      <c r="B1001" s="18"/>
      <c r="C1001" s="15" t="s">
        <v>125</v>
      </c>
      <c r="D1001" s="15" t="s">
        <v>232</v>
      </c>
      <c r="E1001" s="15" t="s">
        <v>239</v>
      </c>
      <c r="F1001" s="16">
        <v>990000</v>
      </c>
    </row>
    <row r="1002" spans="1:6" ht="27" customHeight="1" x14ac:dyDescent="0.45">
      <c r="A1002" s="17"/>
      <c r="B1002" s="18"/>
      <c r="C1002" s="15" t="s">
        <v>125</v>
      </c>
      <c r="D1002" s="15" t="s">
        <v>122</v>
      </c>
      <c r="E1002" s="15" t="s">
        <v>226</v>
      </c>
      <c r="F1002" s="16">
        <v>896582</v>
      </c>
    </row>
    <row r="1003" spans="1:6" ht="27" customHeight="1" x14ac:dyDescent="0.45">
      <c r="A1003" s="17"/>
      <c r="B1003" s="18"/>
      <c r="C1003" s="15" t="s">
        <v>162</v>
      </c>
      <c r="D1003" s="15" t="s">
        <v>122</v>
      </c>
      <c r="E1003" s="15" t="s">
        <v>231</v>
      </c>
      <c r="F1003" s="16">
        <v>880000</v>
      </c>
    </row>
    <row r="1004" spans="1:6" ht="27" customHeight="1" thickBot="1" x14ac:dyDescent="0.5">
      <c r="A1004" s="17"/>
      <c r="B1004" s="18"/>
      <c r="C1004" s="19" t="s">
        <v>125</v>
      </c>
      <c r="D1004" s="19" t="s">
        <v>122</v>
      </c>
      <c r="E1004" s="19" t="s">
        <v>230</v>
      </c>
      <c r="F1004" s="20">
        <v>192760</v>
      </c>
    </row>
    <row r="1005" spans="1:6" ht="27" customHeight="1" thickTop="1" x14ac:dyDescent="0.45">
      <c r="A1005" s="21"/>
      <c r="B1005" s="22"/>
      <c r="C1005" s="23" t="s">
        <v>116</v>
      </c>
      <c r="D1005" s="24"/>
      <c r="E1005" s="25" t="s">
        <v>249</v>
      </c>
      <c r="F1005" s="26">
        <v>333227021</v>
      </c>
    </row>
    <row r="1006" spans="1:6" ht="27" customHeight="1" x14ac:dyDescent="0.45">
      <c r="F1006" s="3"/>
    </row>
    <row r="1007" spans="1:6" ht="27" customHeight="1" x14ac:dyDescent="0.45">
      <c r="A1007" s="5" t="s">
        <v>2</v>
      </c>
      <c r="B1007" s="5" t="s">
        <v>107</v>
      </c>
      <c r="C1007" s="5" t="s">
        <v>108</v>
      </c>
      <c r="D1007" s="5" t="s">
        <v>109</v>
      </c>
      <c r="E1007" s="5" t="s">
        <v>110</v>
      </c>
      <c r="F1007" s="12" t="s">
        <v>5</v>
      </c>
    </row>
    <row r="1008" spans="1:6" ht="27" customHeight="1" x14ac:dyDescent="0.45">
      <c r="A1008" s="13">
        <v>35</v>
      </c>
      <c r="B1008" s="14" t="s">
        <v>40</v>
      </c>
      <c r="C1008" s="15" t="s">
        <v>111</v>
      </c>
      <c r="D1008" s="15" t="s">
        <v>131</v>
      </c>
      <c r="E1008" s="15" t="s">
        <v>250</v>
      </c>
      <c r="F1008" s="16">
        <v>295059710</v>
      </c>
    </row>
    <row r="1009" spans="1:6" ht="27" customHeight="1" x14ac:dyDescent="0.45">
      <c r="A1009" s="17"/>
      <c r="B1009" s="18"/>
      <c r="C1009" s="15" t="s">
        <v>111</v>
      </c>
      <c r="D1009" s="15" t="s">
        <v>114</v>
      </c>
      <c r="E1009" s="15" t="s">
        <v>251</v>
      </c>
      <c r="F1009" s="16">
        <v>18597700</v>
      </c>
    </row>
    <row r="1010" spans="1:6" ht="27" customHeight="1" x14ac:dyDescent="0.45">
      <c r="A1010" s="17"/>
      <c r="B1010" s="18"/>
      <c r="C1010" s="15" t="s">
        <v>111</v>
      </c>
      <c r="D1010" s="15" t="s">
        <v>126</v>
      </c>
      <c r="E1010" s="15" t="s">
        <v>252</v>
      </c>
      <c r="F1010" s="16">
        <v>8861490</v>
      </c>
    </row>
    <row r="1011" spans="1:6" ht="27" customHeight="1" x14ac:dyDescent="0.45">
      <c r="A1011" s="17"/>
      <c r="B1011" s="18"/>
      <c r="C1011" s="15" t="s">
        <v>111</v>
      </c>
      <c r="D1011" s="15" t="s">
        <v>126</v>
      </c>
      <c r="E1011" s="15" t="s">
        <v>252</v>
      </c>
      <c r="F1011" s="16">
        <v>6303110</v>
      </c>
    </row>
    <row r="1012" spans="1:6" ht="27" customHeight="1" x14ac:dyDescent="0.45">
      <c r="A1012" s="17"/>
      <c r="B1012" s="18"/>
      <c r="C1012" s="15" t="s">
        <v>111</v>
      </c>
      <c r="D1012" s="15" t="s">
        <v>126</v>
      </c>
      <c r="E1012" s="15" t="s">
        <v>252</v>
      </c>
      <c r="F1012" s="16">
        <v>1147740</v>
      </c>
    </row>
    <row r="1013" spans="1:6" ht="27" customHeight="1" x14ac:dyDescent="0.45">
      <c r="A1013" s="17"/>
      <c r="B1013" s="18"/>
      <c r="C1013" s="15" t="s">
        <v>111</v>
      </c>
      <c r="D1013" s="15" t="s">
        <v>126</v>
      </c>
      <c r="E1013" s="15" t="s">
        <v>252</v>
      </c>
      <c r="F1013" s="16">
        <v>1030590</v>
      </c>
    </row>
    <row r="1014" spans="1:6" ht="27" customHeight="1" x14ac:dyDescent="0.45">
      <c r="A1014" s="17"/>
      <c r="B1014" s="18"/>
      <c r="C1014" s="15" t="s">
        <v>111</v>
      </c>
      <c r="D1014" s="15" t="s">
        <v>126</v>
      </c>
      <c r="E1014" s="15" t="s">
        <v>252</v>
      </c>
      <c r="F1014" s="16">
        <v>957770</v>
      </c>
    </row>
    <row r="1015" spans="1:6" ht="27" customHeight="1" x14ac:dyDescent="0.45">
      <c r="A1015" s="17"/>
      <c r="B1015" s="18"/>
      <c r="C1015" s="15" t="s">
        <v>111</v>
      </c>
      <c r="D1015" s="15" t="s">
        <v>112</v>
      </c>
      <c r="E1015" s="15" t="s">
        <v>253</v>
      </c>
      <c r="F1015" s="16">
        <v>363550</v>
      </c>
    </row>
    <row r="1016" spans="1:6" ht="27" customHeight="1" x14ac:dyDescent="0.45">
      <c r="A1016" s="17"/>
      <c r="B1016" s="18"/>
      <c r="C1016" s="32" t="s">
        <v>111</v>
      </c>
      <c r="D1016" s="15" t="s">
        <v>126</v>
      </c>
      <c r="E1016" s="15" t="s">
        <v>252</v>
      </c>
      <c r="F1016" s="16">
        <v>153010</v>
      </c>
    </row>
    <row r="1017" spans="1:6" ht="27" customHeight="1" x14ac:dyDescent="0.45">
      <c r="A1017" s="17"/>
      <c r="B1017" s="18"/>
      <c r="C1017" s="32" t="s">
        <v>111</v>
      </c>
      <c r="D1017" s="15" t="s">
        <v>112</v>
      </c>
      <c r="E1017" s="15" t="s">
        <v>253</v>
      </c>
      <c r="F1017" s="16">
        <v>108020</v>
      </c>
    </row>
    <row r="1018" spans="1:6" ht="27" customHeight="1" x14ac:dyDescent="0.45">
      <c r="A1018" s="17"/>
      <c r="B1018" s="18"/>
      <c r="C1018" s="15" t="s">
        <v>254</v>
      </c>
      <c r="D1018" s="15" t="s">
        <v>129</v>
      </c>
      <c r="E1018" s="15" t="s">
        <v>255</v>
      </c>
      <c r="F1018" s="16">
        <v>14597</v>
      </c>
    </row>
    <row r="1019" spans="1:6" ht="27" customHeight="1" x14ac:dyDescent="0.45">
      <c r="A1019" s="17"/>
      <c r="B1019" s="18"/>
      <c r="C1019" s="15" t="s">
        <v>254</v>
      </c>
      <c r="D1019" s="15" t="s">
        <v>129</v>
      </c>
      <c r="E1019" s="15" t="s">
        <v>255</v>
      </c>
      <c r="F1019" s="16">
        <v>6457</v>
      </c>
    </row>
    <row r="1020" spans="1:6" ht="27" customHeight="1" x14ac:dyDescent="0.45">
      <c r="A1020" s="17"/>
      <c r="B1020" s="18"/>
      <c r="C1020" s="15" t="s">
        <v>254</v>
      </c>
      <c r="D1020" s="15" t="s">
        <v>129</v>
      </c>
      <c r="E1020" s="15" t="s">
        <v>255</v>
      </c>
      <c r="F1020" s="16">
        <v>6457</v>
      </c>
    </row>
    <row r="1021" spans="1:6" ht="27" customHeight="1" thickBot="1" x14ac:dyDescent="0.5">
      <c r="A1021" s="17"/>
      <c r="B1021" s="18"/>
      <c r="C1021" s="19" t="s">
        <v>254</v>
      </c>
      <c r="D1021" s="19" t="s">
        <v>129</v>
      </c>
      <c r="E1021" s="19" t="s">
        <v>255</v>
      </c>
      <c r="F1021" s="20">
        <v>4147</v>
      </c>
    </row>
    <row r="1022" spans="1:6" ht="27" customHeight="1" thickTop="1" x14ac:dyDescent="0.45">
      <c r="A1022" s="21"/>
      <c r="B1022" s="22"/>
      <c r="C1022" s="23" t="s">
        <v>116</v>
      </c>
      <c r="D1022" s="24"/>
      <c r="E1022" s="25" t="s">
        <v>212</v>
      </c>
      <c r="F1022" s="26">
        <v>332614348</v>
      </c>
    </row>
    <row r="1023" spans="1:6" ht="27" customHeight="1" x14ac:dyDescent="0.45">
      <c r="F1023" s="3"/>
    </row>
    <row r="1024" spans="1:6" ht="27" customHeight="1" x14ac:dyDescent="0.45">
      <c r="A1024" s="5" t="s">
        <v>2</v>
      </c>
      <c r="B1024" s="5" t="s">
        <v>107</v>
      </c>
      <c r="C1024" s="5" t="s">
        <v>108</v>
      </c>
      <c r="D1024" s="5" t="s">
        <v>109</v>
      </c>
      <c r="E1024" s="5" t="s">
        <v>110</v>
      </c>
      <c r="F1024" s="12" t="s">
        <v>5</v>
      </c>
    </row>
    <row r="1025" spans="1:6" ht="27" customHeight="1" thickBot="1" x14ac:dyDescent="0.5">
      <c r="A1025" s="13">
        <v>36</v>
      </c>
      <c r="B1025" s="29" t="s">
        <v>41</v>
      </c>
      <c r="C1025" s="19" t="s">
        <v>162</v>
      </c>
      <c r="D1025" s="19" t="s">
        <v>129</v>
      </c>
      <c r="E1025" s="19" t="s">
        <v>197</v>
      </c>
      <c r="F1025" s="20">
        <v>326753441</v>
      </c>
    </row>
    <row r="1026" spans="1:6" ht="27" customHeight="1" thickTop="1" x14ac:dyDescent="0.45">
      <c r="A1026" s="21"/>
      <c r="B1026" s="34"/>
      <c r="C1026" s="23" t="s">
        <v>116</v>
      </c>
      <c r="D1026" s="24"/>
      <c r="E1026" s="25" t="s">
        <v>120</v>
      </c>
      <c r="F1026" s="26">
        <v>326753441</v>
      </c>
    </row>
    <row r="1027" spans="1:6" ht="27" customHeight="1" x14ac:dyDescent="0.45">
      <c r="F1027" s="3"/>
    </row>
    <row r="1028" spans="1:6" ht="27" customHeight="1" x14ac:dyDescent="0.45">
      <c r="A1028" s="5" t="s">
        <v>2</v>
      </c>
      <c r="B1028" s="5" t="s">
        <v>107</v>
      </c>
      <c r="C1028" s="5" t="s">
        <v>108</v>
      </c>
      <c r="D1028" s="5" t="s">
        <v>109</v>
      </c>
      <c r="E1028" s="5" t="s">
        <v>110</v>
      </c>
      <c r="F1028" s="12" t="s">
        <v>5</v>
      </c>
    </row>
    <row r="1029" spans="1:6" ht="27" customHeight="1" thickBot="1" x14ac:dyDescent="0.5">
      <c r="A1029" s="13">
        <v>37</v>
      </c>
      <c r="B1029" s="29" t="s">
        <v>256</v>
      </c>
      <c r="C1029" s="19" t="s">
        <v>121</v>
      </c>
      <c r="D1029" s="19" t="s">
        <v>131</v>
      </c>
      <c r="E1029" s="19" t="s">
        <v>211</v>
      </c>
      <c r="F1029" s="20">
        <v>322800000</v>
      </c>
    </row>
    <row r="1030" spans="1:6" ht="27" customHeight="1" thickTop="1" x14ac:dyDescent="0.45">
      <c r="A1030" s="21"/>
      <c r="B1030" s="34"/>
      <c r="C1030" s="23" t="s">
        <v>116</v>
      </c>
      <c r="D1030" s="24"/>
      <c r="E1030" s="25" t="s">
        <v>120</v>
      </c>
      <c r="F1030" s="26">
        <v>322800000</v>
      </c>
    </row>
    <row r="1031" spans="1:6" ht="27" customHeight="1" x14ac:dyDescent="0.45">
      <c r="F1031" s="3"/>
    </row>
    <row r="1032" spans="1:6" ht="27" customHeight="1" x14ac:dyDescent="0.45">
      <c r="A1032" s="5" t="s">
        <v>2</v>
      </c>
      <c r="B1032" s="5" t="s">
        <v>107</v>
      </c>
      <c r="C1032" s="5" t="s">
        <v>108</v>
      </c>
      <c r="D1032" s="5" t="s">
        <v>109</v>
      </c>
      <c r="E1032" s="5" t="s">
        <v>110</v>
      </c>
      <c r="F1032" s="12" t="s">
        <v>5</v>
      </c>
    </row>
    <row r="1033" spans="1:6" ht="27" customHeight="1" x14ac:dyDescent="0.45">
      <c r="A1033" s="35">
        <v>38</v>
      </c>
      <c r="B1033" s="22" t="s">
        <v>43</v>
      </c>
      <c r="C1033" s="32" t="s">
        <v>111</v>
      </c>
      <c r="D1033" s="15" t="s">
        <v>131</v>
      </c>
      <c r="E1033" s="15" t="s">
        <v>187</v>
      </c>
      <c r="F1033" s="16">
        <v>217539300</v>
      </c>
    </row>
    <row r="1034" spans="1:6" ht="27" customHeight="1" x14ac:dyDescent="0.45">
      <c r="A1034" s="31"/>
      <c r="B1034" s="14"/>
      <c r="C1034" s="32" t="s">
        <v>111</v>
      </c>
      <c r="D1034" s="15" t="s">
        <v>131</v>
      </c>
      <c r="E1034" s="15" t="s">
        <v>187</v>
      </c>
      <c r="F1034" s="16">
        <v>26332045</v>
      </c>
    </row>
    <row r="1035" spans="1:6" ht="27" customHeight="1" x14ac:dyDescent="0.45">
      <c r="A1035" s="17"/>
      <c r="B1035" s="18"/>
      <c r="C1035" s="15" t="s">
        <v>111</v>
      </c>
      <c r="D1035" s="15" t="s">
        <v>131</v>
      </c>
      <c r="E1035" s="15" t="s">
        <v>187</v>
      </c>
      <c r="F1035" s="16">
        <v>25438828</v>
      </c>
    </row>
    <row r="1036" spans="1:6" ht="27" customHeight="1" x14ac:dyDescent="0.45">
      <c r="A1036" s="17"/>
      <c r="B1036" s="18"/>
      <c r="C1036" s="15" t="s">
        <v>111</v>
      </c>
      <c r="D1036" s="15" t="s">
        <v>131</v>
      </c>
      <c r="E1036" s="15" t="s">
        <v>187</v>
      </c>
      <c r="F1036" s="16">
        <v>25425351</v>
      </c>
    </row>
    <row r="1037" spans="1:6" ht="27" customHeight="1" x14ac:dyDescent="0.45">
      <c r="A1037" s="17"/>
      <c r="B1037" s="18"/>
      <c r="C1037" s="15" t="s">
        <v>111</v>
      </c>
      <c r="D1037" s="15" t="s">
        <v>131</v>
      </c>
      <c r="E1037" s="15" t="s">
        <v>187</v>
      </c>
      <c r="F1037" s="16">
        <v>16440682</v>
      </c>
    </row>
    <row r="1038" spans="1:6" ht="27" customHeight="1" x14ac:dyDescent="0.45">
      <c r="A1038" s="17"/>
      <c r="B1038" s="18"/>
      <c r="C1038" s="15" t="s">
        <v>111</v>
      </c>
      <c r="D1038" s="15" t="s">
        <v>131</v>
      </c>
      <c r="E1038" s="15" t="s">
        <v>187</v>
      </c>
      <c r="F1038" s="16">
        <v>3698000</v>
      </c>
    </row>
    <row r="1039" spans="1:6" ht="27" customHeight="1" x14ac:dyDescent="0.45">
      <c r="A1039" s="17"/>
      <c r="B1039" s="18"/>
      <c r="C1039" s="15" t="s">
        <v>111</v>
      </c>
      <c r="D1039" s="15" t="s">
        <v>131</v>
      </c>
      <c r="E1039" s="15" t="s">
        <v>187</v>
      </c>
      <c r="F1039" s="16">
        <v>3051691</v>
      </c>
    </row>
    <row r="1040" spans="1:6" ht="27" customHeight="1" x14ac:dyDescent="0.45">
      <c r="A1040" s="17"/>
      <c r="B1040" s="18"/>
      <c r="C1040" s="15" t="s">
        <v>111</v>
      </c>
      <c r="D1040" s="15" t="s">
        <v>131</v>
      </c>
      <c r="E1040" s="15" t="s">
        <v>187</v>
      </c>
      <c r="F1040" s="16">
        <v>2613200</v>
      </c>
    </row>
    <row r="1041" spans="1:6" ht="27" customHeight="1" x14ac:dyDescent="0.45">
      <c r="A1041" s="17"/>
      <c r="B1041" s="18"/>
      <c r="C1041" s="15" t="s">
        <v>111</v>
      </c>
      <c r="D1041" s="15" t="s">
        <v>131</v>
      </c>
      <c r="E1041" s="15" t="s">
        <v>187</v>
      </c>
      <c r="F1041" s="16">
        <v>388385</v>
      </c>
    </row>
    <row r="1042" spans="1:6" ht="27" customHeight="1" x14ac:dyDescent="0.45">
      <c r="A1042" s="17"/>
      <c r="B1042" s="18"/>
      <c r="C1042" s="15" t="s">
        <v>111</v>
      </c>
      <c r="D1042" s="15" t="s">
        <v>131</v>
      </c>
      <c r="E1042" s="15" t="s">
        <v>187</v>
      </c>
      <c r="F1042" s="16">
        <v>355854</v>
      </c>
    </row>
    <row r="1043" spans="1:6" ht="27" customHeight="1" x14ac:dyDescent="0.45">
      <c r="A1043" s="17"/>
      <c r="B1043" s="18"/>
      <c r="C1043" s="15" t="s">
        <v>111</v>
      </c>
      <c r="D1043" s="15" t="s">
        <v>131</v>
      </c>
      <c r="E1043" s="15" t="s">
        <v>189</v>
      </c>
      <c r="F1043" s="16">
        <v>107138</v>
      </c>
    </row>
    <row r="1044" spans="1:6" ht="27" customHeight="1" x14ac:dyDescent="0.45">
      <c r="A1044" s="17"/>
      <c r="B1044" s="18"/>
      <c r="C1044" s="15" t="s">
        <v>111</v>
      </c>
      <c r="D1044" s="15" t="s">
        <v>131</v>
      </c>
      <c r="E1044" s="15" t="s">
        <v>187</v>
      </c>
      <c r="F1044" s="16">
        <v>78823</v>
      </c>
    </row>
    <row r="1045" spans="1:6" ht="27" customHeight="1" x14ac:dyDescent="0.45">
      <c r="A1045" s="17"/>
      <c r="B1045" s="18"/>
      <c r="C1045" s="15" t="s">
        <v>111</v>
      </c>
      <c r="D1045" s="15" t="s">
        <v>131</v>
      </c>
      <c r="E1045" s="15" t="s">
        <v>189</v>
      </c>
      <c r="F1045" s="16">
        <v>78470</v>
      </c>
    </row>
    <row r="1046" spans="1:6" ht="27" customHeight="1" x14ac:dyDescent="0.45">
      <c r="A1046" s="17"/>
      <c r="B1046" s="18"/>
      <c r="C1046" s="15" t="s">
        <v>111</v>
      </c>
      <c r="D1046" s="15" t="s">
        <v>131</v>
      </c>
      <c r="E1046" s="15" t="s">
        <v>189</v>
      </c>
      <c r="F1046" s="16">
        <v>63182</v>
      </c>
    </row>
    <row r="1047" spans="1:6" ht="27" customHeight="1" x14ac:dyDescent="0.45">
      <c r="A1047" s="17"/>
      <c r="B1047" s="18"/>
      <c r="C1047" s="15" t="s">
        <v>111</v>
      </c>
      <c r="D1047" s="15" t="s">
        <v>131</v>
      </c>
      <c r="E1047" s="15" t="s">
        <v>189</v>
      </c>
      <c r="F1047" s="16">
        <v>62588</v>
      </c>
    </row>
    <row r="1048" spans="1:6" ht="27" customHeight="1" x14ac:dyDescent="0.45">
      <c r="A1048" s="17"/>
      <c r="B1048" s="18"/>
      <c r="C1048" s="15" t="s">
        <v>111</v>
      </c>
      <c r="D1048" s="15" t="s">
        <v>131</v>
      </c>
      <c r="E1048" s="15" t="s">
        <v>189</v>
      </c>
      <c r="F1048" s="16">
        <v>61202</v>
      </c>
    </row>
    <row r="1049" spans="1:6" ht="27" customHeight="1" x14ac:dyDescent="0.45">
      <c r="A1049" s="17"/>
      <c r="B1049" s="18"/>
      <c r="C1049" s="15" t="s">
        <v>111</v>
      </c>
      <c r="D1049" s="15" t="s">
        <v>131</v>
      </c>
      <c r="E1049" s="15" t="s">
        <v>189</v>
      </c>
      <c r="F1049" s="16">
        <v>58850</v>
      </c>
    </row>
    <row r="1050" spans="1:6" ht="27" customHeight="1" x14ac:dyDescent="0.45">
      <c r="A1050" s="17"/>
      <c r="B1050" s="18"/>
      <c r="C1050" s="32" t="s">
        <v>111</v>
      </c>
      <c r="D1050" s="15" t="s">
        <v>131</v>
      </c>
      <c r="E1050" s="15" t="s">
        <v>189</v>
      </c>
      <c r="F1050" s="16">
        <v>58050</v>
      </c>
    </row>
    <row r="1051" spans="1:6" ht="27" customHeight="1" x14ac:dyDescent="0.45">
      <c r="A1051" s="17"/>
      <c r="B1051" s="18"/>
      <c r="C1051" s="32" t="s">
        <v>111</v>
      </c>
      <c r="D1051" s="15" t="s">
        <v>131</v>
      </c>
      <c r="E1051" s="15" t="s">
        <v>189</v>
      </c>
      <c r="F1051" s="16">
        <v>56398</v>
      </c>
    </row>
    <row r="1052" spans="1:6" ht="27" customHeight="1" x14ac:dyDescent="0.45">
      <c r="A1052" s="17"/>
      <c r="B1052" s="18"/>
      <c r="C1052" s="15" t="s">
        <v>111</v>
      </c>
      <c r="D1052" s="15" t="s">
        <v>131</v>
      </c>
      <c r="E1052" s="15" t="s">
        <v>139</v>
      </c>
      <c r="F1052" s="16">
        <v>51126</v>
      </c>
    </row>
    <row r="1053" spans="1:6" ht="27" customHeight="1" x14ac:dyDescent="0.45">
      <c r="A1053" s="17"/>
      <c r="B1053" s="18"/>
      <c r="C1053" s="15" t="s">
        <v>111</v>
      </c>
      <c r="D1053" s="15" t="s">
        <v>131</v>
      </c>
      <c r="E1053" s="15" t="s">
        <v>135</v>
      </c>
      <c r="F1053" s="16">
        <v>39200</v>
      </c>
    </row>
    <row r="1054" spans="1:6" ht="27" customHeight="1" x14ac:dyDescent="0.45">
      <c r="A1054" s="17"/>
      <c r="B1054" s="18"/>
      <c r="C1054" s="15" t="s">
        <v>111</v>
      </c>
      <c r="D1054" s="15" t="s">
        <v>131</v>
      </c>
      <c r="E1054" s="15" t="s">
        <v>135</v>
      </c>
      <c r="F1054" s="16">
        <v>28000</v>
      </c>
    </row>
    <row r="1055" spans="1:6" ht="27" customHeight="1" x14ac:dyDescent="0.45">
      <c r="A1055" s="17"/>
      <c r="B1055" s="18"/>
      <c r="C1055" s="15" t="s">
        <v>111</v>
      </c>
      <c r="D1055" s="15" t="s">
        <v>131</v>
      </c>
      <c r="E1055" s="15" t="s">
        <v>133</v>
      </c>
      <c r="F1055" s="16">
        <v>26190</v>
      </c>
    </row>
    <row r="1056" spans="1:6" ht="27" customHeight="1" x14ac:dyDescent="0.45">
      <c r="A1056" s="17"/>
      <c r="B1056" s="18"/>
      <c r="C1056" s="15" t="s">
        <v>111</v>
      </c>
      <c r="D1056" s="15" t="s">
        <v>131</v>
      </c>
      <c r="E1056" s="15" t="s">
        <v>135</v>
      </c>
      <c r="F1056" s="16">
        <v>22400</v>
      </c>
    </row>
    <row r="1057" spans="1:6" ht="27" customHeight="1" x14ac:dyDescent="0.45">
      <c r="A1057" s="17"/>
      <c r="B1057" s="18"/>
      <c r="C1057" s="15" t="s">
        <v>111</v>
      </c>
      <c r="D1057" s="15" t="s">
        <v>131</v>
      </c>
      <c r="E1057" s="15" t="s">
        <v>187</v>
      </c>
      <c r="F1057" s="16">
        <v>16663</v>
      </c>
    </row>
    <row r="1058" spans="1:6" ht="27" customHeight="1" x14ac:dyDescent="0.45">
      <c r="A1058" s="17"/>
      <c r="B1058" s="18"/>
      <c r="C1058" s="15" t="s">
        <v>111</v>
      </c>
      <c r="D1058" s="15" t="s">
        <v>131</v>
      </c>
      <c r="E1058" s="15" t="s">
        <v>189</v>
      </c>
      <c r="F1058" s="16">
        <v>12512</v>
      </c>
    </row>
    <row r="1059" spans="1:6" ht="27" customHeight="1" x14ac:dyDescent="0.45">
      <c r="A1059" s="17"/>
      <c r="B1059" s="18"/>
      <c r="C1059" s="15" t="s">
        <v>111</v>
      </c>
      <c r="D1059" s="15" t="s">
        <v>131</v>
      </c>
      <c r="E1059" s="15" t="s">
        <v>189</v>
      </c>
      <c r="F1059" s="16">
        <v>10030</v>
      </c>
    </row>
    <row r="1060" spans="1:6" ht="27" customHeight="1" x14ac:dyDescent="0.45">
      <c r="A1060" s="17"/>
      <c r="B1060" s="18"/>
      <c r="C1060" s="15" t="s">
        <v>111</v>
      </c>
      <c r="D1060" s="15" t="s">
        <v>131</v>
      </c>
      <c r="E1060" s="15" t="s">
        <v>135</v>
      </c>
      <c r="F1060" s="16">
        <v>7668</v>
      </c>
    </row>
    <row r="1061" spans="1:6" ht="27" customHeight="1" x14ac:dyDescent="0.45">
      <c r="A1061" s="17"/>
      <c r="B1061" s="18"/>
      <c r="C1061" s="15" t="s">
        <v>111</v>
      </c>
      <c r="D1061" s="15" t="s">
        <v>131</v>
      </c>
      <c r="E1061" s="15" t="s">
        <v>135</v>
      </c>
      <c r="F1061" s="16">
        <v>5600</v>
      </c>
    </row>
    <row r="1062" spans="1:6" ht="27" customHeight="1" x14ac:dyDescent="0.45">
      <c r="A1062" s="17"/>
      <c r="B1062" s="18"/>
      <c r="C1062" s="15" t="s">
        <v>111</v>
      </c>
      <c r="D1062" s="15" t="s">
        <v>131</v>
      </c>
      <c r="E1062" s="15" t="s">
        <v>139</v>
      </c>
      <c r="F1062" s="16">
        <v>5000</v>
      </c>
    </row>
    <row r="1063" spans="1:6" ht="27" customHeight="1" x14ac:dyDescent="0.45">
      <c r="A1063" s="17"/>
      <c r="B1063" s="18"/>
      <c r="C1063" s="15" t="s">
        <v>111</v>
      </c>
      <c r="D1063" s="15" t="s">
        <v>131</v>
      </c>
      <c r="E1063" s="15" t="s">
        <v>139</v>
      </c>
      <c r="F1063" s="16">
        <v>5000</v>
      </c>
    </row>
    <row r="1064" spans="1:6" ht="27" customHeight="1" x14ac:dyDescent="0.45">
      <c r="A1064" s="17"/>
      <c r="B1064" s="18"/>
      <c r="C1064" s="15" t="s">
        <v>111</v>
      </c>
      <c r="D1064" s="15" t="s">
        <v>131</v>
      </c>
      <c r="E1064" s="15" t="s">
        <v>139</v>
      </c>
      <c r="F1064" s="16">
        <v>5000</v>
      </c>
    </row>
    <row r="1065" spans="1:6" ht="27" customHeight="1" x14ac:dyDescent="0.45">
      <c r="A1065" s="17"/>
      <c r="B1065" s="18"/>
      <c r="C1065" s="15" t="s">
        <v>111</v>
      </c>
      <c r="D1065" s="15" t="s">
        <v>131</v>
      </c>
      <c r="E1065" s="15" t="s">
        <v>139</v>
      </c>
      <c r="F1065" s="16">
        <v>5000</v>
      </c>
    </row>
    <row r="1066" spans="1:6" ht="27" customHeight="1" x14ac:dyDescent="0.45">
      <c r="A1066" s="17"/>
      <c r="B1066" s="18"/>
      <c r="C1066" s="15" t="s">
        <v>111</v>
      </c>
      <c r="D1066" s="15" t="s">
        <v>131</v>
      </c>
      <c r="E1066" s="15" t="s">
        <v>187</v>
      </c>
      <c r="F1066" s="16">
        <v>3454</v>
      </c>
    </row>
    <row r="1067" spans="1:6" ht="27" customHeight="1" x14ac:dyDescent="0.45">
      <c r="A1067" s="17"/>
      <c r="B1067" s="18"/>
      <c r="C1067" s="15" t="s">
        <v>111</v>
      </c>
      <c r="D1067" s="15" t="s">
        <v>131</v>
      </c>
      <c r="E1067" s="15" t="s">
        <v>139</v>
      </c>
      <c r="F1067" s="16">
        <v>2500</v>
      </c>
    </row>
    <row r="1068" spans="1:6" ht="27" customHeight="1" x14ac:dyDescent="0.45">
      <c r="A1068" s="17"/>
      <c r="B1068" s="18"/>
      <c r="C1068" s="15" t="s">
        <v>111</v>
      </c>
      <c r="D1068" s="15" t="s">
        <v>131</v>
      </c>
      <c r="E1068" s="15" t="s">
        <v>139</v>
      </c>
      <c r="F1068" s="16">
        <v>2500</v>
      </c>
    </row>
    <row r="1069" spans="1:6" ht="27" customHeight="1" x14ac:dyDescent="0.45">
      <c r="A1069" s="17"/>
      <c r="B1069" s="18"/>
      <c r="C1069" s="15" t="s">
        <v>111</v>
      </c>
      <c r="D1069" s="15" t="s">
        <v>131</v>
      </c>
      <c r="E1069" s="15" t="s">
        <v>139</v>
      </c>
      <c r="F1069" s="16">
        <v>760</v>
      </c>
    </row>
    <row r="1070" spans="1:6" ht="27" customHeight="1" x14ac:dyDescent="0.45">
      <c r="A1070" s="21"/>
      <c r="B1070" s="22"/>
      <c r="C1070" s="32" t="s">
        <v>111</v>
      </c>
      <c r="D1070" s="15" t="s">
        <v>131</v>
      </c>
      <c r="E1070" s="15" t="s">
        <v>133</v>
      </c>
      <c r="F1070" s="16">
        <v>400</v>
      </c>
    </row>
    <row r="1071" spans="1:6" ht="27" customHeight="1" thickBot="1" x14ac:dyDescent="0.5">
      <c r="A1071" s="31"/>
      <c r="B1071" s="14"/>
      <c r="C1071" s="33" t="s">
        <v>111</v>
      </c>
      <c r="D1071" s="19" t="s">
        <v>131</v>
      </c>
      <c r="E1071" s="19" t="s">
        <v>135</v>
      </c>
      <c r="F1071" s="20">
        <v>270</v>
      </c>
    </row>
    <row r="1072" spans="1:6" ht="27" customHeight="1" thickTop="1" x14ac:dyDescent="0.45">
      <c r="A1072" s="21"/>
      <c r="B1072" s="22"/>
      <c r="C1072" s="23" t="s">
        <v>116</v>
      </c>
      <c r="D1072" s="24"/>
      <c r="E1072" s="25" t="s">
        <v>257</v>
      </c>
      <c r="F1072" s="26">
        <v>322157310</v>
      </c>
    </row>
    <row r="1073" spans="1:6" ht="27" customHeight="1" x14ac:dyDescent="0.45">
      <c r="F1073" s="3"/>
    </row>
    <row r="1074" spans="1:6" ht="27" customHeight="1" x14ac:dyDescent="0.45">
      <c r="A1074" s="5" t="s">
        <v>2</v>
      </c>
      <c r="B1074" s="5" t="s">
        <v>107</v>
      </c>
      <c r="C1074" s="5" t="s">
        <v>108</v>
      </c>
      <c r="D1074" s="5" t="s">
        <v>109</v>
      </c>
      <c r="E1074" s="5" t="s">
        <v>110</v>
      </c>
      <c r="F1074" s="12" t="s">
        <v>5</v>
      </c>
    </row>
    <row r="1075" spans="1:6" ht="27" customHeight="1" x14ac:dyDescent="0.45">
      <c r="A1075" s="13">
        <v>39</v>
      </c>
      <c r="B1075" s="29" t="s">
        <v>44</v>
      </c>
      <c r="C1075" s="15" t="s">
        <v>111</v>
      </c>
      <c r="D1075" s="15" t="s">
        <v>126</v>
      </c>
      <c r="E1075" s="15" t="s">
        <v>258</v>
      </c>
      <c r="F1075" s="16">
        <v>124265802</v>
      </c>
    </row>
    <row r="1076" spans="1:6" ht="27" customHeight="1" x14ac:dyDescent="0.45">
      <c r="A1076" s="17"/>
      <c r="B1076" s="30"/>
      <c r="C1076" s="15" t="s">
        <v>111</v>
      </c>
      <c r="D1076" s="15" t="s">
        <v>126</v>
      </c>
      <c r="E1076" s="15" t="s">
        <v>258</v>
      </c>
      <c r="F1076" s="16">
        <v>94565668</v>
      </c>
    </row>
    <row r="1077" spans="1:6" ht="27" customHeight="1" x14ac:dyDescent="0.45">
      <c r="A1077" s="17"/>
      <c r="B1077" s="18"/>
      <c r="C1077" s="15" t="s">
        <v>111</v>
      </c>
      <c r="D1077" s="15" t="s">
        <v>126</v>
      </c>
      <c r="E1077" s="15" t="s">
        <v>258</v>
      </c>
      <c r="F1077" s="16">
        <v>71749192</v>
      </c>
    </row>
    <row r="1078" spans="1:6" ht="27" customHeight="1" thickBot="1" x14ac:dyDescent="0.5">
      <c r="A1078" s="17"/>
      <c r="B1078" s="18"/>
      <c r="C1078" s="19" t="s">
        <v>111</v>
      </c>
      <c r="D1078" s="19" t="s">
        <v>126</v>
      </c>
      <c r="E1078" s="19" t="s">
        <v>258</v>
      </c>
      <c r="F1078" s="20">
        <v>30298582</v>
      </c>
    </row>
    <row r="1079" spans="1:6" ht="27" customHeight="1" thickTop="1" x14ac:dyDescent="0.45">
      <c r="A1079" s="21"/>
      <c r="B1079" s="22"/>
      <c r="C1079" s="23" t="s">
        <v>116</v>
      </c>
      <c r="D1079" s="24"/>
      <c r="E1079" s="25" t="s">
        <v>117</v>
      </c>
      <c r="F1079" s="26">
        <v>320879244</v>
      </c>
    </row>
    <row r="1080" spans="1:6" ht="27" customHeight="1" x14ac:dyDescent="0.45">
      <c r="F1080" s="3"/>
    </row>
    <row r="1081" spans="1:6" ht="27" customHeight="1" x14ac:dyDescent="0.45">
      <c r="A1081" s="5" t="s">
        <v>2</v>
      </c>
      <c r="B1081" s="5" t="s">
        <v>107</v>
      </c>
      <c r="C1081" s="5" t="s">
        <v>108</v>
      </c>
      <c r="D1081" s="5" t="s">
        <v>109</v>
      </c>
      <c r="E1081" s="5" t="s">
        <v>110</v>
      </c>
      <c r="F1081" s="12" t="s">
        <v>5</v>
      </c>
    </row>
    <row r="1082" spans="1:6" ht="27" customHeight="1" x14ac:dyDescent="0.45">
      <c r="A1082" s="13">
        <v>40</v>
      </c>
      <c r="B1082" s="14" t="s">
        <v>45</v>
      </c>
      <c r="C1082" s="15" t="s">
        <v>121</v>
      </c>
      <c r="D1082" s="15" t="s">
        <v>131</v>
      </c>
      <c r="E1082" s="15" t="s">
        <v>132</v>
      </c>
      <c r="F1082" s="16">
        <v>301426000</v>
      </c>
    </row>
    <row r="1083" spans="1:6" ht="27" customHeight="1" x14ac:dyDescent="0.45">
      <c r="A1083" s="17"/>
      <c r="B1083" s="18"/>
      <c r="C1083" s="15" t="s">
        <v>254</v>
      </c>
      <c r="D1083" s="15" t="s">
        <v>129</v>
      </c>
      <c r="E1083" s="15" t="s">
        <v>138</v>
      </c>
      <c r="F1083" s="16">
        <v>11140858</v>
      </c>
    </row>
    <row r="1084" spans="1:6" ht="27" customHeight="1" x14ac:dyDescent="0.45">
      <c r="A1084" s="17"/>
      <c r="B1084" s="18"/>
      <c r="C1084" s="32" t="s">
        <v>254</v>
      </c>
      <c r="D1084" s="15" t="s">
        <v>129</v>
      </c>
      <c r="E1084" s="15" t="s">
        <v>138</v>
      </c>
      <c r="F1084" s="16">
        <v>6243864</v>
      </c>
    </row>
    <row r="1085" spans="1:6" ht="27" customHeight="1" x14ac:dyDescent="0.45">
      <c r="A1085" s="17"/>
      <c r="B1085" s="18"/>
      <c r="C1085" s="32" t="s">
        <v>111</v>
      </c>
      <c r="D1085" s="15" t="s">
        <v>129</v>
      </c>
      <c r="E1085" s="15" t="s">
        <v>138</v>
      </c>
      <c r="F1085" s="16">
        <v>391950</v>
      </c>
    </row>
    <row r="1086" spans="1:6" ht="27" customHeight="1" x14ac:dyDescent="0.45">
      <c r="A1086" s="17"/>
      <c r="B1086" s="18"/>
      <c r="C1086" s="15" t="s">
        <v>111</v>
      </c>
      <c r="D1086" s="15" t="s">
        <v>131</v>
      </c>
      <c r="E1086" s="15" t="s">
        <v>203</v>
      </c>
      <c r="F1086" s="16">
        <v>354804</v>
      </c>
    </row>
    <row r="1087" spans="1:6" ht="27" customHeight="1" x14ac:dyDescent="0.45">
      <c r="A1087" s="17"/>
      <c r="B1087" s="18"/>
      <c r="C1087" s="15" t="s">
        <v>111</v>
      </c>
      <c r="D1087" s="15" t="s">
        <v>131</v>
      </c>
      <c r="E1087" s="15" t="s">
        <v>203</v>
      </c>
      <c r="F1087" s="16">
        <v>136660</v>
      </c>
    </row>
    <row r="1088" spans="1:6" ht="27" customHeight="1" x14ac:dyDescent="0.45">
      <c r="A1088" s="17"/>
      <c r="B1088" s="18"/>
      <c r="C1088" s="15" t="s">
        <v>111</v>
      </c>
      <c r="D1088" s="15" t="s">
        <v>131</v>
      </c>
      <c r="E1088" s="15" t="s">
        <v>203</v>
      </c>
      <c r="F1088" s="16">
        <v>74250</v>
      </c>
    </row>
    <row r="1089" spans="1:6" ht="27" customHeight="1" x14ac:dyDescent="0.45">
      <c r="A1089" s="17"/>
      <c r="B1089" s="18"/>
      <c r="C1089" s="15" t="s">
        <v>111</v>
      </c>
      <c r="D1089" s="15" t="s">
        <v>131</v>
      </c>
      <c r="E1089" s="15" t="s">
        <v>203</v>
      </c>
      <c r="F1089" s="16">
        <v>33771</v>
      </c>
    </row>
    <row r="1090" spans="1:6" ht="27" customHeight="1" x14ac:dyDescent="0.45">
      <c r="A1090" s="17"/>
      <c r="B1090" s="18"/>
      <c r="C1090" s="15" t="s">
        <v>111</v>
      </c>
      <c r="D1090" s="15" t="s">
        <v>131</v>
      </c>
      <c r="E1090" s="15" t="s">
        <v>203</v>
      </c>
      <c r="F1090" s="16">
        <v>21758</v>
      </c>
    </row>
    <row r="1091" spans="1:6" ht="27" customHeight="1" x14ac:dyDescent="0.45">
      <c r="A1091" s="17"/>
      <c r="B1091" s="18"/>
      <c r="C1091" s="15" t="s">
        <v>254</v>
      </c>
      <c r="D1091" s="15" t="s">
        <v>259</v>
      </c>
      <c r="E1091" s="15" t="s">
        <v>259</v>
      </c>
      <c r="F1091" s="16">
        <v>21700</v>
      </c>
    </row>
    <row r="1092" spans="1:6" ht="27" customHeight="1" x14ac:dyDescent="0.45">
      <c r="A1092" s="17"/>
      <c r="B1092" s="18"/>
      <c r="C1092" s="15" t="s">
        <v>111</v>
      </c>
      <c r="D1092" s="15" t="s">
        <v>131</v>
      </c>
      <c r="E1092" s="15" t="s">
        <v>203</v>
      </c>
      <c r="F1092" s="16">
        <v>21450</v>
      </c>
    </row>
    <row r="1093" spans="1:6" ht="27" customHeight="1" x14ac:dyDescent="0.45">
      <c r="A1093" s="17"/>
      <c r="B1093" s="18"/>
      <c r="C1093" s="15" t="s">
        <v>111</v>
      </c>
      <c r="D1093" s="15" t="s">
        <v>131</v>
      </c>
      <c r="E1093" s="15" t="s">
        <v>203</v>
      </c>
      <c r="F1093" s="16">
        <v>20911</v>
      </c>
    </row>
    <row r="1094" spans="1:6" ht="27" customHeight="1" x14ac:dyDescent="0.45">
      <c r="A1094" s="17"/>
      <c r="B1094" s="18"/>
      <c r="C1094" s="15" t="s">
        <v>111</v>
      </c>
      <c r="D1094" s="15" t="s">
        <v>131</v>
      </c>
      <c r="E1094" s="15" t="s">
        <v>203</v>
      </c>
      <c r="F1094" s="16">
        <v>10879</v>
      </c>
    </row>
    <row r="1095" spans="1:6" ht="27" customHeight="1" x14ac:dyDescent="0.45">
      <c r="A1095" s="17"/>
      <c r="B1095" s="18"/>
      <c r="C1095" s="15" t="s">
        <v>111</v>
      </c>
      <c r="D1095" s="15" t="s">
        <v>131</v>
      </c>
      <c r="E1095" s="15" t="s">
        <v>203</v>
      </c>
      <c r="F1095" s="16">
        <v>9260</v>
      </c>
    </row>
    <row r="1096" spans="1:6" ht="27" customHeight="1" x14ac:dyDescent="0.45">
      <c r="A1096" s="17"/>
      <c r="B1096" s="18"/>
      <c r="C1096" s="15" t="s">
        <v>111</v>
      </c>
      <c r="D1096" s="15" t="s">
        <v>131</v>
      </c>
      <c r="E1096" s="15" t="s">
        <v>203</v>
      </c>
      <c r="F1096" s="16">
        <v>9260</v>
      </c>
    </row>
    <row r="1097" spans="1:6" ht="27" customHeight="1" x14ac:dyDescent="0.45">
      <c r="A1097" s="17"/>
      <c r="B1097" s="18"/>
      <c r="C1097" s="15" t="s">
        <v>111</v>
      </c>
      <c r="D1097" s="15" t="s">
        <v>131</v>
      </c>
      <c r="E1097" s="15" t="s">
        <v>203</v>
      </c>
      <c r="F1097" s="16">
        <v>9260</v>
      </c>
    </row>
    <row r="1098" spans="1:6" ht="27" customHeight="1" x14ac:dyDescent="0.45">
      <c r="A1098" s="17"/>
      <c r="B1098" s="18"/>
      <c r="C1098" s="15" t="s">
        <v>254</v>
      </c>
      <c r="D1098" s="15" t="s">
        <v>129</v>
      </c>
      <c r="E1098" s="15" t="s">
        <v>260</v>
      </c>
      <c r="F1098" s="16">
        <v>8965</v>
      </c>
    </row>
    <row r="1099" spans="1:6" ht="27" customHeight="1" thickBot="1" x14ac:dyDescent="0.5">
      <c r="A1099" s="17"/>
      <c r="B1099" s="18"/>
      <c r="C1099" s="19" t="s">
        <v>111</v>
      </c>
      <c r="D1099" s="19" t="s">
        <v>131</v>
      </c>
      <c r="E1099" s="19" t="s">
        <v>203</v>
      </c>
      <c r="F1099" s="20">
        <v>8261</v>
      </c>
    </row>
    <row r="1100" spans="1:6" ht="27" customHeight="1" thickTop="1" x14ac:dyDescent="0.45">
      <c r="A1100" s="21"/>
      <c r="B1100" s="22"/>
      <c r="C1100" s="23" t="s">
        <v>116</v>
      </c>
      <c r="D1100" s="24"/>
      <c r="E1100" s="25" t="s">
        <v>141</v>
      </c>
      <c r="F1100" s="26">
        <v>319943861</v>
      </c>
    </row>
    <row r="1101" spans="1:6" ht="27" customHeight="1" x14ac:dyDescent="0.45">
      <c r="F1101" s="3"/>
    </row>
    <row r="1102" spans="1:6" ht="27" customHeight="1" x14ac:dyDescent="0.45">
      <c r="A1102" s="5" t="s">
        <v>2</v>
      </c>
      <c r="B1102" s="5" t="s">
        <v>107</v>
      </c>
      <c r="C1102" s="5" t="s">
        <v>108</v>
      </c>
      <c r="D1102" s="5" t="s">
        <v>109</v>
      </c>
      <c r="E1102" s="5" t="s">
        <v>110</v>
      </c>
      <c r="F1102" s="12" t="s">
        <v>5</v>
      </c>
    </row>
    <row r="1103" spans="1:6" ht="27" customHeight="1" x14ac:dyDescent="0.45">
      <c r="A1103" s="13">
        <v>41</v>
      </c>
      <c r="B1103" s="29" t="s">
        <v>46</v>
      </c>
      <c r="C1103" s="15" t="s">
        <v>152</v>
      </c>
      <c r="D1103" s="15" t="s">
        <v>122</v>
      </c>
      <c r="E1103" s="15" t="s">
        <v>214</v>
      </c>
      <c r="F1103" s="16">
        <v>45814500</v>
      </c>
    </row>
    <row r="1104" spans="1:6" ht="27" customHeight="1" x14ac:dyDescent="0.45">
      <c r="A1104" s="17"/>
      <c r="B1104" s="30"/>
      <c r="C1104" s="15" t="s">
        <v>111</v>
      </c>
      <c r="D1104" s="15" t="s">
        <v>122</v>
      </c>
      <c r="E1104" s="15" t="s">
        <v>215</v>
      </c>
      <c r="F1104" s="16">
        <v>24103550</v>
      </c>
    </row>
    <row r="1105" spans="1:6" ht="27" customHeight="1" x14ac:dyDescent="0.45">
      <c r="A1105" s="17"/>
      <c r="B1105" s="18"/>
      <c r="C1105" s="15" t="s">
        <v>152</v>
      </c>
      <c r="D1105" s="15" t="s">
        <v>122</v>
      </c>
      <c r="E1105" s="15" t="s">
        <v>208</v>
      </c>
      <c r="F1105" s="16">
        <v>11050000</v>
      </c>
    </row>
    <row r="1106" spans="1:6" ht="27" customHeight="1" x14ac:dyDescent="0.45">
      <c r="A1106" s="17"/>
      <c r="B1106" s="18"/>
      <c r="C1106" s="15" t="s">
        <v>111</v>
      </c>
      <c r="D1106" s="15" t="s">
        <v>126</v>
      </c>
      <c r="E1106" s="15" t="s">
        <v>127</v>
      </c>
      <c r="F1106" s="16">
        <v>10763500</v>
      </c>
    </row>
    <row r="1107" spans="1:6" ht="27" customHeight="1" x14ac:dyDescent="0.45">
      <c r="A1107" s="21"/>
      <c r="B1107" s="22"/>
      <c r="C1107" s="32" t="s">
        <v>125</v>
      </c>
      <c r="D1107" s="15" t="s">
        <v>122</v>
      </c>
      <c r="E1107" s="15" t="s">
        <v>227</v>
      </c>
      <c r="F1107" s="16">
        <v>10000000</v>
      </c>
    </row>
    <row r="1108" spans="1:6" ht="27" customHeight="1" x14ac:dyDescent="0.45">
      <c r="A1108" s="31"/>
      <c r="B1108" s="14"/>
      <c r="C1108" s="32" t="s">
        <v>125</v>
      </c>
      <c r="D1108" s="15" t="s">
        <v>122</v>
      </c>
      <c r="E1108" s="15" t="s">
        <v>208</v>
      </c>
      <c r="F1108" s="16">
        <v>9693794</v>
      </c>
    </row>
    <row r="1109" spans="1:6" ht="27" customHeight="1" x14ac:dyDescent="0.45">
      <c r="A1109" s="17"/>
      <c r="B1109" s="18"/>
      <c r="C1109" s="15" t="s">
        <v>152</v>
      </c>
      <c r="D1109" s="15" t="s">
        <v>122</v>
      </c>
      <c r="E1109" s="15" t="s">
        <v>208</v>
      </c>
      <c r="F1109" s="16">
        <v>9558300</v>
      </c>
    </row>
    <row r="1110" spans="1:6" ht="27" customHeight="1" x14ac:dyDescent="0.45">
      <c r="A1110" s="17"/>
      <c r="B1110" s="18"/>
      <c r="C1110" s="15" t="s">
        <v>111</v>
      </c>
      <c r="D1110" s="15" t="s">
        <v>122</v>
      </c>
      <c r="E1110" s="15" t="s">
        <v>230</v>
      </c>
      <c r="F1110" s="16">
        <v>8500000</v>
      </c>
    </row>
    <row r="1111" spans="1:6" ht="27" customHeight="1" x14ac:dyDescent="0.45">
      <c r="A1111" s="17"/>
      <c r="B1111" s="18"/>
      <c r="C1111" s="15" t="s">
        <v>125</v>
      </c>
      <c r="D1111" s="15" t="s">
        <v>122</v>
      </c>
      <c r="E1111" s="15" t="s">
        <v>206</v>
      </c>
      <c r="F1111" s="16">
        <v>8274799</v>
      </c>
    </row>
    <row r="1112" spans="1:6" ht="27" customHeight="1" x14ac:dyDescent="0.45">
      <c r="A1112" s="17"/>
      <c r="B1112" s="18"/>
      <c r="C1112" s="15" t="s">
        <v>125</v>
      </c>
      <c r="D1112" s="15" t="s">
        <v>122</v>
      </c>
      <c r="E1112" s="15" t="s">
        <v>231</v>
      </c>
      <c r="F1112" s="16">
        <v>7700000</v>
      </c>
    </row>
    <row r="1113" spans="1:6" ht="27" customHeight="1" x14ac:dyDescent="0.45">
      <c r="A1113" s="17"/>
      <c r="B1113" s="18"/>
      <c r="C1113" s="15" t="s">
        <v>125</v>
      </c>
      <c r="D1113" s="15" t="s">
        <v>122</v>
      </c>
      <c r="E1113" s="15" t="s">
        <v>227</v>
      </c>
      <c r="F1113" s="16">
        <v>7271074</v>
      </c>
    </row>
    <row r="1114" spans="1:6" ht="27" customHeight="1" x14ac:dyDescent="0.45">
      <c r="A1114" s="17"/>
      <c r="B1114" s="18"/>
      <c r="C1114" s="15" t="s">
        <v>111</v>
      </c>
      <c r="D1114" s="15" t="s">
        <v>122</v>
      </c>
      <c r="E1114" s="15" t="s">
        <v>216</v>
      </c>
      <c r="F1114" s="16">
        <v>7200000</v>
      </c>
    </row>
    <row r="1115" spans="1:6" ht="27" customHeight="1" x14ac:dyDescent="0.45">
      <c r="A1115" s="17"/>
      <c r="B1115" s="18"/>
      <c r="C1115" s="15" t="s">
        <v>125</v>
      </c>
      <c r="D1115" s="15" t="s">
        <v>122</v>
      </c>
      <c r="E1115" s="15" t="s">
        <v>230</v>
      </c>
      <c r="F1115" s="16">
        <v>7058480</v>
      </c>
    </row>
    <row r="1116" spans="1:6" ht="27" customHeight="1" x14ac:dyDescent="0.45">
      <c r="A1116" s="17"/>
      <c r="B1116" s="18"/>
      <c r="C1116" s="15" t="s">
        <v>125</v>
      </c>
      <c r="D1116" s="15" t="s">
        <v>122</v>
      </c>
      <c r="E1116" s="15" t="s">
        <v>230</v>
      </c>
      <c r="F1116" s="16">
        <v>6890500</v>
      </c>
    </row>
    <row r="1117" spans="1:6" ht="27" customHeight="1" x14ac:dyDescent="0.45">
      <c r="A1117" s="17"/>
      <c r="B1117" s="18"/>
      <c r="C1117" s="15" t="s">
        <v>111</v>
      </c>
      <c r="D1117" s="15" t="s">
        <v>122</v>
      </c>
      <c r="E1117" s="15" t="s">
        <v>216</v>
      </c>
      <c r="F1117" s="16">
        <v>6693600</v>
      </c>
    </row>
    <row r="1118" spans="1:6" ht="27" customHeight="1" x14ac:dyDescent="0.45">
      <c r="A1118" s="17"/>
      <c r="B1118" s="18"/>
      <c r="C1118" s="32" t="s">
        <v>111</v>
      </c>
      <c r="D1118" s="15" t="s">
        <v>122</v>
      </c>
      <c r="E1118" s="15" t="s">
        <v>215</v>
      </c>
      <c r="F1118" s="16">
        <v>6401650</v>
      </c>
    </row>
    <row r="1119" spans="1:6" ht="27" customHeight="1" x14ac:dyDescent="0.45">
      <c r="A1119" s="17"/>
      <c r="B1119" s="18"/>
      <c r="C1119" s="32" t="s">
        <v>162</v>
      </c>
      <c r="D1119" s="15" t="s">
        <v>122</v>
      </c>
      <c r="E1119" s="15" t="s">
        <v>215</v>
      </c>
      <c r="F1119" s="16">
        <v>6319565</v>
      </c>
    </row>
    <row r="1120" spans="1:6" ht="27" customHeight="1" x14ac:dyDescent="0.45">
      <c r="A1120" s="17"/>
      <c r="B1120" s="18"/>
      <c r="C1120" s="15" t="s">
        <v>111</v>
      </c>
      <c r="D1120" s="15" t="s">
        <v>122</v>
      </c>
      <c r="E1120" s="15" t="s">
        <v>216</v>
      </c>
      <c r="F1120" s="16">
        <v>6304000</v>
      </c>
    </row>
    <row r="1121" spans="1:6" ht="27" customHeight="1" x14ac:dyDescent="0.45">
      <c r="A1121" s="17"/>
      <c r="B1121" s="18"/>
      <c r="C1121" s="15" t="s">
        <v>111</v>
      </c>
      <c r="D1121" s="15" t="s">
        <v>122</v>
      </c>
      <c r="E1121" s="15" t="s">
        <v>230</v>
      </c>
      <c r="F1121" s="16">
        <v>6300000</v>
      </c>
    </row>
    <row r="1122" spans="1:6" ht="27" customHeight="1" x14ac:dyDescent="0.45">
      <c r="A1122" s="17"/>
      <c r="B1122" s="18"/>
      <c r="C1122" s="15" t="s">
        <v>125</v>
      </c>
      <c r="D1122" s="15" t="s">
        <v>122</v>
      </c>
      <c r="E1122" s="15" t="s">
        <v>216</v>
      </c>
      <c r="F1122" s="16">
        <v>5184300</v>
      </c>
    </row>
    <row r="1123" spans="1:6" ht="27" customHeight="1" x14ac:dyDescent="0.45">
      <c r="A1123" s="17"/>
      <c r="B1123" s="18"/>
      <c r="C1123" s="15" t="s">
        <v>125</v>
      </c>
      <c r="D1123" s="15" t="s">
        <v>122</v>
      </c>
      <c r="E1123" s="15" t="s">
        <v>227</v>
      </c>
      <c r="F1123" s="16">
        <v>5044400</v>
      </c>
    </row>
    <row r="1124" spans="1:6" ht="27" customHeight="1" x14ac:dyDescent="0.45">
      <c r="A1124" s="17"/>
      <c r="B1124" s="18"/>
      <c r="C1124" s="15" t="s">
        <v>125</v>
      </c>
      <c r="D1124" s="15" t="s">
        <v>122</v>
      </c>
      <c r="E1124" s="15" t="s">
        <v>226</v>
      </c>
      <c r="F1124" s="16">
        <v>4800000</v>
      </c>
    </row>
    <row r="1125" spans="1:6" ht="27" customHeight="1" x14ac:dyDescent="0.45">
      <c r="A1125" s="17"/>
      <c r="B1125" s="18"/>
      <c r="C1125" s="15" t="s">
        <v>125</v>
      </c>
      <c r="D1125" s="15" t="s">
        <v>122</v>
      </c>
      <c r="E1125" s="15" t="s">
        <v>208</v>
      </c>
      <c r="F1125" s="16">
        <v>4600000</v>
      </c>
    </row>
    <row r="1126" spans="1:6" ht="27" customHeight="1" x14ac:dyDescent="0.45">
      <c r="A1126" s="17"/>
      <c r="B1126" s="18"/>
      <c r="C1126" s="15" t="s">
        <v>125</v>
      </c>
      <c r="D1126" s="15" t="s">
        <v>122</v>
      </c>
      <c r="E1126" s="15" t="s">
        <v>231</v>
      </c>
      <c r="F1126" s="16">
        <v>4593100</v>
      </c>
    </row>
    <row r="1127" spans="1:6" ht="27" customHeight="1" x14ac:dyDescent="0.45">
      <c r="A1127" s="17"/>
      <c r="B1127" s="18"/>
      <c r="C1127" s="15" t="s">
        <v>125</v>
      </c>
      <c r="D1127" s="15" t="s">
        <v>122</v>
      </c>
      <c r="E1127" s="15" t="s">
        <v>215</v>
      </c>
      <c r="F1127" s="16">
        <v>4375000</v>
      </c>
    </row>
    <row r="1128" spans="1:6" ht="27" customHeight="1" x14ac:dyDescent="0.45">
      <c r="A1128" s="17"/>
      <c r="B1128" s="18"/>
      <c r="C1128" s="15" t="s">
        <v>111</v>
      </c>
      <c r="D1128" s="15" t="s">
        <v>122</v>
      </c>
      <c r="E1128" s="15" t="s">
        <v>230</v>
      </c>
      <c r="F1128" s="16">
        <v>4100000</v>
      </c>
    </row>
    <row r="1129" spans="1:6" ht="27" customHeight="1" x14ac:dyDescent="0.45">
      <c r="A1129" s="17"/>
      <c r="B1129" s="18"/>
      <c r="C1129" s="15" t="s">
        <v>125</v>
      </c>
      <c r="D1129" s="15" t="s">
        <v>122</v>
      </c>
      <c r="E1129" s="15" t="s">
        <v>226</v>
      </c>
      <c r="F1129" s="16">
        <v>4077040</v>
      </c>
    </row>
    <row r="1130" spans="1:6" ht="27" customHeight="1" x14ac:dyDescent="0.45">
      <c r="A1130" s="17"/>
      <c r="B1130" s="18"/>
      <c r="C1130" s="15" t="s">
        <v>125</v>
      </c>
      <c r="D1130" s="15" t="s">
        <v>122</v>
      </c>
      <c r="E1130" s="15" t="s">
        <v>216</v>
      </c>
      <c r="F1130" s="16">
        <v>3967898</v>
      </c>
    </row>
    <row r="1131" spans="1:6" ht="27" customHeight="1" x14ac:dyDescent="0.45">
      <c r="A1131" s="17"/>
      <c r="B1131" s="18"/>
      <c r="C1131" s="15" t="s">
        <v>125</v>
      </c>
      <c r="D1131" s="15" t="s">
        <v>122</v>
      </c>
      <c r="E1131" s="15" t="s">
        <v>226</v>
      </c>
      <c r="F1131" s="16">
        <v>3922000</v>
      </c>
    </row>
    <row r="1132" spans="1:6" ht="27" customHeight="1" x14ac:dyDescent="0.45">
      <c r="A1132" s="17"/>
      <c r="B1132" s="18"/>
      <c r="C1132" s="15" t="s">
        <v>152</v>
      </c>
      <c r="D1132" s="15" t="s">
        <v>122</v>
      </c>
      <c r="E1132" s="15" t="s">
        <v>206</v>
      </c>
      <c r="F1132" s="16">
        <v>3837439</v>
      </c>
    </row>
    <row r="1133" spans="1:6" ht="27" customHeight="1" x14ac:dyDescent="0.45">
      <c r="A1133" s="17"/>
      <c r="B1133" s="18"/>
      <c r="C1133" s="15" t="s">
        <v>125</v>
      </c>
      <c r="D1133" s="15" t="s">
        <v>122</v>
      </c>
      <c r="E1133" s="15" t="s">
        <v>231</v>
      </c>
      <c r="F1133" s="16">
        <v>3804636</v>
      </c>
    </row>
    <row r="1134" spans="1:6" ht="27" customHeight="1" x14ac:dyDescent="0.45">
      <c r="A1134" s="17"/>
      <c r="B1134" s="18"/>
      <c r="C1134" s="15" t="s">
        <v>111</v>
      </c>
      <c r="D1134" s="15" t="s">
        <v>122</v>
      </c>
      <c r="E1134" s="15" t="s">
        <v>226</v>
      </c>
      <c r="F1134" s="16">
        <v>3527480</v>
      </c>
    </row>
    <row r="1135" spans="1:6" ht="27" customHeight="1" x14ac:dyDescent="0.45">
      <c r="A1135" s="17"/>
      <c r="B1135" s="18"/>
      <c r="C1135" s="15" t="s">
        <v>125</v>
      </c>
      <c r="D1135" s="15" t="s">
        <v>122</v>
      </c>
      <c r="E1135" s="15" t="s">
        <v>226</v>
      </c>
      <c r="F1135" s="16">
        <v>3400000</v>
      </c>
    </row>
    <row r="1136" spans="1:6" ht="27" customHeight="1" x14ac:dyDescent="0.45">
      <c r="A1136" s="17"/>
      <c r="B1136" s="18"/>
      <c r="C1136" s="15" t="s">
        <v>162</v>
      </c>
      <c r="D1136" s="15" t="s">
        <v>122</v>
      </c>
      <c r="E1136" s="15" t="s">
        <v>227</v>
      </c>
      <c r="F1136" s="16">
        <v>3000000</v>
      </c>
    </row>
    <row r="1137" spans="1:6" ht="27" customHeight="1" x14ac:dyDescent="0.45">
      <c r="A1137" s="17"/>
      <c r="B1137" s="18"/>
      <c r="C1137" s="15" t="s">
        <v>125</v>
      </c>
      <c r="D1137" s="15" t="s">
        <v>122</v>
      </c>
      <c r="E1137" s="15" t="s">
        <v>227</v>
      </c>
      <c r="F1137" s="16">
        <v>3000000</v>
      </c>
    </row>
    <row r="1138" spans="1:6" ht="27" customHeight="1" x14ac:dyDescent="0.45">
      <c r="A1138" s="17"/>
      <c r="B1138" s="18"/>
      <c r="C1138" s="15" t="s">
        <v>125</v>
      </c>
      <c r="D1138" s="15" t="s">
        <v>122</v>
      </c>
      <c r="E1138" s="15" t="s">
        <v>230</v>
      </c>
      <c r="F1138" s="16">
        <v>3000000</v>
      </c>
    </row>
    <row r="1139" spans="1:6" ht="27" customHeight="1" x14ac:dyDescent="0.45">
      <c r="A1139" s="17"/>
      <c r="B1139" s="18"/>
      <c r="C1139" s="15" t="s">
        <v>162</v>
      </c>
      <c r="D1139" s="15" t="s">
        <v>122</v>
      </c>
      <c r="E1139" s="15" t="s">
        <v>215</v>
      </c>
      <c r="F1139" s="16">
        <v>2870935</v>
      </c>
    </row>
    <row r="1140" spans="1:6" ht="27" customHeight="1" x14ac:dyDescent="0.45">
      <c r="A1140" s="17"/>
      <c r="B1140" s="18"/>
      <c r="C1140" s="15" t="s">
        <v>234</v>
      </c>
      <c r="D1140" s="15" t="s">
        <v>122</v>
      </c>
      <c r="E1140" s="15" t="s">
        <v>206</v>
      </c>
      <c r="F1140" s="16">
        <v>2800000</v>
      </c>
    </row>
    <row r="1141" spans="1:6" ht="27" customHeight="1" x14ac:dyDescent="0.45">
      <c r="A1141" s="17"/>
      <c r="B1141" s="18"/>
      <c r="C1141" s="15" t="s">
        <v>234</v>
      </c>
      <c r="D1141" s="15" t="s">
        <v>122</v>
      </c>
      <c r="E1141" s="15" t="s">
        <v>206</v>
      </c>
      <c r="F1141" s="16">
        <v>2800000</v>
      </c>
    </row>
    <row r="1142" spans="1:6" ht="27" customHeight="1" x14ac:dyDescent="0.45">
      <c r="A1142" s="17"/>
      <c r="B1142" s="18"/>
      <c r="C1142" s="15" t="s">
        <v>152</v>
      </c>
      <c r="D1142" s="15" t="s">
        <v>122</v>
      </c>
      <c r="E1142" s="15" t="s">
        <v>214</v>
      </c>
      <c r="F1142" s="16">
        <v>2214800</v>
      </c>
    </row>
    <row r="1143" spans="1:6" ht="27" customHeight="1" x14ac:dyDescent="0.45">
      <c r="A1143" s="17"/>
      <c r="B1143" s="18"/>
      <c r="C1143" s="15" t="s">
        <v>125</v>
      </c>
      <c r="D1143" s="15" t="s">
        <v>122</v>
      </c>
      <c r="E1143" s="15" t="s">
        <v>206</v>
      </c>
      <c r="F1143" s="16">
        <v>2050277</v>
      </c>
    </row>
    <row r="1144" spans="1:6" ht="27" customHeight="1" x14ac:dyDescent="0.45">
      <c r="A1144" s="21"/>
      <c r="B1144" s="22"/>
      <c r="C1144" s="32" t="s">
        <v>125</v>
      </c>
      <c r="D1144" s="15" t="s">
        <v>122</v>
      </c>
      <c r="E1144" s="15" t="s">
        <v>230</v>
      </c>
      <c r="F1144" s="16">
        <v>1950000</v>
      </c>
    </row>
    <row r="1145" spans="1:6" ht="27" customHeight="1" x14ac:dyDescent="0.45">
      <c r="A1145" s="31"/>
      <c r="B1145" s="14"/>
      <c r="C1145" s="32" t="s">
        <v>125</v>
      </c>
      <c r="D1145" s="15" t="s">
        <v>122</v>
      </c>
      <c r="E1145" s="15" t="s">
        <v>208</v>
      </c>
      <c r="F1145" s="16">
        <v>1900000</v>
      </c>
    </row>
    <row r="1146" spans="1:6" ht="27" customHeight="1" x14ac:dyDescent="0.45">
      <c r="A1146" s="17"/>
      <c r="B1146" s="18"/>
      <c r="C1146" s="15" t="s">
        <v>125</v>
      </c>
      <c r="D1146" s="15" t="s">
        <v>122</v>
      </c>
      <c r="E1146" s="15" t="s">
        <v>227</v>
      </c>
      <c r="F1146" s="16">
        <v>1800000</v>
      </c>
    </row>
    <row r="1147" spans="1:6" ht="27" customHeight="1" x14ac:dyDescent="0.45">
      <c r="A1147" s="17"/>
      <c r="B1147" s="18"/>
      <c r="C1147" s="15" t="s">
        <v>152</v>
      </c>
      <c r="D1147" s="15" t="s">
        <v>122</v>
      </c>
      <c r="E1147" s="15" t="s">
        <v>206</v>
      </c>
      <c r="F1147" s="16">
        <v>1800000</v>
      </c>
    </row>
    <row r="1148" spans="1:6" ht="27" customHeight="1" x14ac:dyDescent="0.45">
      <c r="A1148" s="17"/>
      <c r="B1148" s="18"/>
      <c r="C1148" s="15" t="s">
        <v>111</v>
      </c>
      <c r="D1148" s="15" t="s">
        <v>122</v>
      </c>
      <c r="E1148" s="15" t="s">
        <v>226</v>
      </c>
      <c r="F1148" s="16">
        <v>1345520</v>
      </c>
    </row>
    <row r="1149" spans="1:6" ht="27" customHeight="1" x14ac:dyDescent="0.45">
      <c r="A1149" s="17"/>
      <c r="B1149" s="18"/>
      <c r="C1149" s="15" t="s">
        <v>152</v>
      </c>
      <c r="D1149" s="15" t="s">
        <v>122</v>
      </c>
      <c r="E1149" s="15" t="s">
        <v>206</v>
      </c>
      <c r="F1149" s="16">
        <v>1262561</v>
      </c>
    </row>
    <row r="1150" spans="1:6" ht="27" customHeight="1" x14ac:dyDescent="0.45">
      <c r="A1150" s="17"/>
      <c r="B1150" s="18"/>
      <c r="C1150" s="15" t="s">
        <v>111</v>
      </c>
      <c r="D1150" s="15" t="s">
        <v>122</v>
      </c>
      <c r="E1150" s="15" t="s">
        <v>230</v>
      </c>
      <c r="F1150" s="16">
        <v>1256140</v>
      </c>
    </row>
    <row r="1151" spans="1:6" ht="27" customHeight="1" x14ac:dyDescent="0.45">
      <c r="A1151" s="17"/>
      <c r="B1151" s="18"/>
      <c r="C1151" s="15" t="s">
        <v>125</v>
      </c>
      <c r="D1151" s="15" t="s">
        <v>122</v>
      </c>
      <c r="E1151" s="15" t="s">
        <v>215</v>
      </c>
      <c r="F1151" s="16">
        <v>1200000</v>
      </c>
    </row>
    <row r="1152" spans="1:6" ht="27" customHeight="1" x14ac:dyDescent="0.45">
      <c r="A1152" s="17"/>
      <c r="B1152" s="18"/>
      <c r="C1152" s="32" t="s">
        <v>125</v>
      </c>
      <c r="D1152" s="15" t="s">
        <v>122</v>
      </c>
      <c r="E1152" s="15" t="s">
        <v>214</v>
      </c>
      <c r="F1152" s="16">
        <v>1100000</v>
      </c>
    </row>
    <row r="1153" spans="1:6" ht="27" customHeight="1" x14ac:dyDescent="0.45">
      <c r="A1153" s="17"/>
      <c r="B1153" s="18"/>
      <c r="C1153" s="32" t="s">
        <v>152</v>
      </c>
      <c r="D1153" s="15" t="s">
        <v>122</v>
      </c>
      <c r="E1153" s="15" t="s">
        <v>208</v>
      </c>
      <c r="F1153" s="16">
        <v>990000</v>
      </c>
    </row>
    <row r="1154" spans="1:6" ht="27" customHeight="1" x14ac:dyDescent="0.45">
      <c r="A1154" s="17"/>
      <c r="B1154" s="18"/>
      <c r="C1154" s="15" t="s">
        <v>152</v>
      </c>
      <c r="D1154" s="15" t="s">
        <v>122</v>
      </c>
      <c r="E1154" s="15" t="s">
        <v>208</v>
      </c>
      <c r="F1154" s="16">
        <v>990000</v>
      </c>
    </row>
    <row r="1155" spans="1:6" ht="27" customHeight="1" x14ac:dyDescent="0.45">
      <c r="A1155" s="17"/>
      <c r="B1155" s="18"/>
      <c r="C1155" s="15" t="s">
        <v>125</v>
      </c>
      <c r="D1155" s="15" t="s">
        <v>122</v>
      </c>
      <c r="E1155" s="15" t="s">
        <v>215</v>
      </c>
      <c r="F1155" s="16">
        <v>990000</v>
      </c>
    </row>
    <row r="1156" spans="1:6" ht="27" customHeight="1" x14ac:dyDescent="0.45">
      <c r="A1156" s="17"/>
      <c r="B1156" s="18"/>
      <c r="C1156" s="15" t="s">
        <v>125</v>
      </c>
      <c r="D1156" s="15" t="s">
        <v>122</v>
      </c>
      <c r="E1156" s="15" t="s">
        <v>215</v>
      </c>
      <c r="F1156" s="16">
        <v>990000</v>
      </c>
    </row>
    <row r="1157" spans="1:6" ht="27" customHeight="1" x14ac:dyDescent="0.45">
      <c r="A1157" s="17"/>
      <c r="B1157" s="18"/>
      <c r="C1157" s="15" t="s">
        <v>152</v>
      </c>
      <c r="D1157" s="15" t="s">
        <v>122</v>
      </c>
      <c r="E1157" s="15" t="s">
        <v>231</v>
      </c>
      <c r="F1157" s="16">
        <v>990000</v>
      </c>
    </row>
    <row r="1158" spans="1:6" ht="27" customHeight="1" x14ac:dyDescent="0.45">
      <c r="A1158" s="17"/>
      <c r="B1158" s="18"/>
      <c r="C1158" s="15" t="s">
        <v>125</v>
      </c>
      <c r="D1158" s="15" t="s">
        <v>122</v>
      </c>
      <c r="E1158" s="15" t="s">
        <v>231</v>
      </c>
      <c r="F1158" s="16">
        <v>990000</v>
      </c>
    </row>
    <row r="1159" spans="1:6" ht="27" customHeight="1" x14ac:dyDescent="0.45">
      <c r="A1159" s="17"/>
      <c r="B1159" s="18"/>
      <c r="C1159" s="15" t="s">
        <v>125</v>
      </c>
      <c r="D1159" s="15" t="s">
        <v>122</v>
      </c>
      <c r="E1159" s="15" t="s">
        <v>231</v>
      </c>
      <c r="F1159" s="16">
        <v>990000</v>
      </c>
    </row>
    <row r="1160" spans="1:6" ht="27" customHeight="1" x14ac:dyDescent="0.45">
      <c r="A1160" s="17"/>
      <c r="B1160" s="18"/>
      <c r="C1160" s="15" t="s">
        <v>125</v>
      </c>
      <c r="D1160" s="15" t="s">
        <v>232</v>
      </c>
      <c r="E1160" s="15" t="s">
        <v>233</v>
      </c>
      <c r="F1160" s="16">
        <v>990000</v>
      </c>
    </row>
    <row r="1161" spans="1:6" ht="27" customHeight="1" x14ac:dyDescent="0.45">
      <c r="A1161" s="17"/>
      <c r="B1161" s="18"/>
      <c r="C1161" s="15" t="s">
        <v>234</v>
      </c>
      <c r="D1161" s="15" t="s">
        <v>122</v>
      </c>
      <c r="E1161" s="15" t="s">
        <v>231</v>
      </c>
      <c r="F1161" s="16">
        <v>946000</v>
      </c>
    </row>
    <row r="1162" spans="1:6" ht="27" customHeight="1" x14ac:dyDescent="0.45">
      <c r="A1162" s="17"/>
      <c r="B1162" s="18"/>
      <c r="C1162" s="15" t="s">
        <v>125</v>
      </c>
      <c r="D1162" s="15" t="s">
        <v>122</v>
      </c>
      <c r="E1162" s="15" t="s">
        <v>230</v>
      </c>
      <c r="F1162" s="16">
        <v>600000</v>
      </c>
    </row>
    <row r="1163" spans="1:6" ht="27" customHeight="1" x14ac:dyDescent="0.45">
      <c r="A1163" s="17"/>
      <c r="B1163" s="18"/>
      <c r="C1163" s="15" t="s">
        <v>162</v>
      </c>
      <c r="D1163" s="15" t="s">
        <v>122</v>
      </c>
      <c r="E1163" s="15" t="s">
        <v>227</v>
      </c>
      <c r="F1163" s="16">
        <v>570600</v>
      </c>
    </row>
    <row r="1164" spans="1:6" ht="27" customHeight="1" x14ac:dyDescent="0.45">
      <c r="A1164" s="17"/>
      <c r="B1164" s="18"/>
      <c r="C1164" s="15" t="s">
        <v>111</v>
      </c>
      <c r="D1164" s="15" t="s">
        <v>122</v>
      </c>
      <c r="E1164" s="15" t="s">
        <v>230</v>
      </c>
      <c r="F1164" s="16">
        <v>519760</v>
      </c>
    </row>
    <row r="1165" spans="1:6" ht="27" customHeight="1" x14ac:dyDescent="0.45">
      <c r="A1165" s="17"/>
      <c r="B1165" s="18"/>
      <c r="C1165" s="15" t="s">
        <v>125</v>
      </c>
      <c r="D1165" s="15" t="s">
        <v>122</v>
      </c>
      <c r="E1165" s="15" t="s">
        <v>215</v>
      </c>
      <c r="F1165" s="16">
        <v>495000</v>
      </c>
    </row>
    <row r="1166" spans="1:6" ht="27" customHeight="1" x14ac:dyDescent="0.45">
      <c r="A1166" s="17"/>
      <c r="B1166" s="18"/>
      <c r="C1166" s="15" t="s">
        <v>125</v>
      </c>
      <c r="D1166" s="15" t="s">
        <v>122</v>
      </c>
      <c r="E1166" s="15" t="s">
        <v>230</v>
      </c>
      <c r="F1166" s="16">
        <v>391000</v>
      </c>
    </row>
    <row r="1167" spans="1:6" ht="27" customHeight="1" x14ac:dyDescent="0.45">
      <c r="A1167" s="17"/>
      <c r="B1167" s="18"/>
      <c r="C1167" s="15" t="s">
        <v>111</v>
      </c>
      <c r="D1167" s="15" t="s">
        <v>122</v>
      </c>
      <c r="E1167" s="15" t="s">
        <v>216</v>
      </c>
      <c r="F1167" s="16">
        <v>347936</v>
      </c>
    </row>
    <row r="1168" spans="1:6" ht="27" customHeight="1" x14ac:dyDescent="0.45">
      <c r="A1168" s="17"/>
      <c r="B1168" s="18"/>
      <c r="C1168" s="15" t="s">
        <v>125</v>
      </c>
      <c r="D1168" s="15" t="s">
        <v>122</v>
      </c>
      <c r="E1168" s="15" t="s">
        <v>226</v>
      </c>
      <c r="F1168" s="16">
        <v>110480</v>
      </c>
    </row>
    <row r="1169" spans="1:6" ht="27" customHeight="1" x14ac:dyDescent="0.45">
      <c r="A1169" s="17"/>
      <c r="B1169" s="18"/>
      <c r="C1169" s="15" t="s">
        <v>125</v>
      </c>
      <c r="D1169" s="15" t="s">
        <v>122</v>
      </c>
      <c r="E1169" s="15" t="s">
        <v>230</v>
      </c>
      <c r="F1169" s="16">
        <v>84920</v>
      </c>
    </row>
    <row r="1170" spans="1:6" ht="27" customHeight="1" x14ac:dyDescent="0.45">
      <c r="A1170" s="17"/>
      <c r="B1170" s="18"/>
      <c r="C1170" s="15" t="s">
        <v>125</v>
      </c>
      <c r="D1170" s="15" t="s">
        <v>122</v>
      </c>
      <c r="E1170" s="15" t="s">
        <v>215</v>
      </c>
      <c r="F1170" s="16">
        <v>20000</v>
      </c>
    </row>
    <row r="1171" spans="1:6" ht="27" customHeight="1" thickBot="1" x14ac:dyDescent="0.5">
      <c r="A1171" s="17"/>
      <c r="B1171" s="18"/>
      <c r="C1171" s="15" t="s">
        <v>125</v>
      </c>
      <c r="D1171" s="15" t="s">
        <v>122</v>
      </c>
      <c r="E1171" s="15" t="s">
        <v>215</v>
      </c>
      <c r="F1171" s="16">
        <v>5000</v>
      </c>
    </row>
    <row r="1172" spans="1:6" ht="27" customHeight="1" thickTop="1" x14ac:dyDescent="0.45">
      <c r="A1172" s="21"/>
      <c r="B1172" s="22"/>
      <c r="C1172" s="23" t="s">
        <v>116</v>
      </c>
      <c r="D1172" s="24"/>
      <c r="E1172" s="25" t="s">
        <v>185</v>
      </c>
      <c r="F1172" s="26">
        <v>312491534</v>
      </c>
    </row>
    <row r="1173" spans="1:6" ht="27" customHeight="1" x14ac:dyDescent="0.45">
      <c r="F1173" s="3"/>
    </row>
    <row r="1174" spans="1:6" ht="27" customHeight="1" x14ac:dyDescent="0.45">
      <c r="A1174" s="5" t="s">
        <v>2</v>
      </c>
      <c r="B1174" s="5" t="s">
        <v>107</v>
      </c>
      <c r="C1174" s="5" t="s">
        <v>108</v>
      </c>
      <c r="D1174" s="5" t="s">
        <v>109</v>
      </c>
      <c r="E1174" s="5" t="s">
        <v>110</v>
      </c>
      <c r="F1174" s="12" t="s">
        <v>5</v>
      </c>
    </row>
    <row r="1175" spans="1:6" ht="27" customHeight="1" x14ac:dyDescent="0.45">
      <c r="A1175" s="13">
        <v>42</v>
      </c>
      <c r="B1175" s="29" t="s">
        <v>47</v>
      </c>
      <c r="C1175" s="15" t="s">
        <v>121</v>
      </c>
      <c r="D1175" s="15" t="s">
        <v>118</v>
      </c>
      <c r="E1175" s="15" t="s">
        <v>261</v>
      </c>
      <c r="F1175" s="16">
        <v>181222000</v>
      </c>
    </row>
    <row r="1176" spans="1:6" ht="27" customHeight="1" x14ac:dyDescent="0.45">
      <c r="A1176" s="17"/>
      <c r="B1176" s="30"/>
      <c r="C1176" s="15" t="s">
        <v>121</v>
      </c>
      <c r="D1176" s="15" t="s">
        <v>118</v>
      </c>
      <c r="E1176" s="15" t="s">
        <v>261</v>
      </c>
      <c r="F1176" s="16">
        <v>113332000</v>
      </c>
    </row>
    <row r="1177" spans="1:6" ht="27" customHeight="1" thickBot="1" x14ac:dyDescent="0.5">
      <c r="A1177" s="17"/>
      <c r="B1177" s="18"/>
      <c r="C1177" s="19" t="s">
        <v>111</v>
      </c>
      <c r="D1177" s="19" t="s">
        <v>118</v>
      </c>
      <c r="E1177" s="19" t="s">
        <v>261</v>
      </c>
      <c r="F1177" s="20">
        <v>16998229</v>
      </c>
    </row>
    <row r="1178" spans="1:6" ht="27" customHeight="1" thickTop="1" x14ac:dyDescent="0.45">
      <c r="A1178" s="21"/>
      <c r="B1178" s="22"/>
      <c r="C1178" s="23" t="s">
        <v>116</v>
      </c>
      <c r="D1178" s="24"/>
      <c r="E1178" s="25" t="s">
        <v>192</v>
      </c>
      <c r="F1178" s="26">
        <v>311552229</v>
      </c>
    </row>
    <row r="1179" spans="1:6" ht="27" customHeight="1" x14ac:dyDescent="0.45">
      <c r="F1179" s="3"/>
    </row>
    <row r="1180" spans="1:6" ht="27" customHeight="1" x14ac:dyDescent="0.45">
      <c r="A1180" s="5" t="s">
        <v>2</v>
      </c>
      <c r="B1180" s="5" t="s">
        <v>107</v>
      </c>
      <c r="C1180" s="5" t="s">
        <v>108</v>
      </c>
      <c r="D1180" s="5" t="s">
        <v>109</v>
      </c>
      <c r="E1180" s="5" t="s">
        <v>110</v>
      </c>
      <c r="F1180" s="12" t="s">
        <v>5</v>
      </c>
    </row>
    <row r="1181" spans="1:6" ht="27" customHeight="1" x14ac:dyDescent="0.45">
      <c r="A1181" s="35">
        <v>43</v>
      </c>
      <c r="B1181" s="36" t="s">
        <v>48</v>
      </c>
      <c r="C1181" s="32" t="s">
        <v>111</v>
      </c>
      <c r="D1181" s="15" t="s">
        <v>126</v>
      </c>
      <c r="E1181" s="15" t="s">
        <v>262</v>
      </c>
      <c r="F1181" s="16">
        <v>27985298</v>
      </c>
    </row>
    <row r="1182" spans="1:6" ht="27" customHeight="1" x14ac:dyDescent="0.45">
      <c r="A1182" s="31"/>
      <c r="B1182" s="14"/>
      <c r="C1182" s="32" t="s">
        <v>254</v>
      </c>
      <c r="D1182" s="15" t="s">
        <v>149</v>
      </c>
      <c r="E1182" s="15" t="s">
        <v>150</v>
      </c>
      <c r="F1182" s="16">
        <v>26326575</v>
      </c>
    </row>
    <row r="1183" spans="1:6" ht="27" customHeight="1" x14ac:dyDescent="0.45">
      <c r="A1183" s="17"/>
      <c r="B1183" s="18"/>
      <c r="C1183" s="15" t="s">
        <v>254</v>
      </c>
      <c r="D1183" s="15" t="s">
        <v>149</v>
      </c>
      <c r="E1183" s="15" t="s">
        <v>150</v>
      </c>
      <c r="F1183" s="16">
        <v>23393150</v>
      </c>
    </row>
    <row r="1184" spans="1:6" ht="27" customHeight="1" x14ac:dyDescent="0.45">
      <c r="A1184" s="17"/>
      <c r="B1184" s="18"/>
      <c r="C1184" s="15" t="s">
        <v>111</v>
      </c>
      <c r="D1184" s="15" t="s">
        <v>114</v>
      </c>
      <c r="E1184" s="15" t="s">
        <v>251</v>
      </c>
      <c r="F1184" s="16">
        <v>23138500</v>
      </c>
    </row>
    <row r="1185" spans="1:6" ht="27" customHeight="1" x14ac:dyDescent="0.45">
      <c r="A1185" s="17"/>
      <c r="B1185" s="18"/>
      <c r="C1185" s="15" t="s">
        <v>254</v>
      </c>
      <c r="D1185" s="15" t="s">
        <v>149</v>
      </c>
      <c r="E1185" s="15" t="s">
        <v>150</v>
      </c>
      <c r="F1185" s="16">
        <v>16397920</v>
      </c>
    </row>
    <row r="1186" spans="1:6" ht="27" customHeight="1" x14ac:dyDescent="0.45">
      <c r="A1186" s="17"/>
      <c r="B1186" s="18"/>
      <c r="C1186" s="32" t="s">
        <v>254</v>
      </c>
      <c r="D1186" s="15" t="s">
        <v>149</v>
      </c>
      <c r="E1186" s="15" t="s">
        <v>150</v>
      </c>
      <c r="F1186" s="16">
        <v>14961705</v>
      </c>
    </row>
    <row r="1187" spans="1:6" ht="27" customHeight="1" x14ac:dyDescent="0.45">
      <c r="A1187" s="17"/>
      <c r="B1187" s="18"/>
      <c r="C1187" s="32" t="s">
        <v>254</v>
      </c>
      <c r="D1187" s="15" t="s">
        <v>149</v>
      </c>
      <c r="E1187" s="15" t="s">
        <v>150</v>
      </c>
      <c r="F1187" s="16">
        <v>14684670</v>
      </c>
    </row>
    <row r="1188" spans="1:6" ht="27" customHeight="1" x14ac:dyDescent="0.45">
      <c r="A1188" s="17"/>
      <c r="B1188" s="18"/>
      <c r="C1188" s="15" t="s">
        <v>254</v>
      </c>
      <c r="D1188" s="15" t="s">
        <v>149</v>
      </c>
      <c r="E1188" s="15" t="s">
        <v>150</v>
      </c>
      <c r="F1188" s="16">
        <v>12746580</v>
      </c>
    </row>
    <row r="1189" spans="1:6" ht="27" customHeight="1" x14ac:dyDescent="0.45">
      <c r="A1189" s="17"/>
      <c r="B1189" s="18"/>
      <c r="C1189" s="15" t="s">
        <v>254</v>
      </c>
      <c r="D1189" s="15" t="s">
        <v>149</v>
      </c>
      <c r="E1189" s="15" t="s">
        <v>150</v>
      </c>
      <c r="F1189" s="16">
        <v>11518430</v>
      </c>
    </row>
    <row r="1190" spans="1:6" ht="27" customHeight="1" x14ac:dyDescent="0.45">
      <c r="A1190" s="17"/>
      <c r="B1190" s="18"/>
      <c r="C1190" s="15" t="s">
        <v>254</v>
      </c>
      <c r="D1190" s="15" t="s">
        <v>149</v>
      </c>
      <c r="E1190" s="15" t="s">
        <v>150</v>
      </c>
      <c r="F1190" s="16">
        <v>11342980</v>
      </c>
    </row>
    <row r="1191" spans="1:6" ht="27" customHeight="1" x14ac:dyDescent="0.45">
      <c r="A1191" s="17"/>
      <c r="B1191" s="18"/>
      <c r="C1191" s="15" t="s">
        <v>254</v>
      </c>
      <c r="D1191" s="15" t="s">
        <v>149</v>
      </c>
      <c r="E1191" s="15" t="s">
        <v>150</v>
      </c>
      <c r="F1191" s="16">
        <v>10439440</v>
      </c>
    </row>
    <row r="1192" spans="1:6" ht="27" customHeight="1" x14ac:dyDescent="0.45">
      <c r="A1192" s="17"/>
      <c r="B1192" s="18"/>
      <c r="C1192" s="15" t="s">
        <v>111</v>
      </c>
      <c r="D1192" s="15" t="s">
        <v>126</v>
      </c>
      <c r="E1192" s="15" t="s">
        <v>252</v>
      </c>
      <c r="F1192" s="16">
        <v>10413986</v>
      </c>
    </row>
    <row r="1193" spans="1:6" ht="27" customHeight="1" x14ac:dyDescent="0.45">
      <c r="A1193" s="17"/>
      <c r="B1193" s="18"/>
      <c r="C1193" s="15" t="s">
        <v>254</v>
      </c>
      <c r="D1193" s="15" t="s">
        <v>149</v>
      </c>
      <c r="E1193" s="15" t="s">
        <v>150</v>
      </c>
      <c r="F1193" s="16">
        <v>9740610</v>
      </c>
    </row>
    <row r="1194" spans="1:6" ht="27" customHeight="1" x14ac:dyDescent="0.45">
      <c r="A1194" s="17"/>
      <c r="B1194" s="18"/>
      <c r="C1194" s="15" t="s">
        <v>254</v>
      </c>
      <c r="D1194" s="15" t="s">
        <v>149</v>
      </c>
      <c r="E1194" s="15" t="s">
        <v>150</v>
      </c>
      <c r="F1194" s="16">
        <v>9730435</v>
      </c>
    </row>
    <row r="1195" spans="1:6" ht="27" customHeight="1" x14ac:dyDescent="0.45">
      <c r="A1195" s="17"/>
      <c r="B1195" s="18"/>
      <c r="C1195" s="15" t="s">
        <v>111</v>
      </c>
      <c r="D1195" s="15" t="s">
        <v>114</v>
      </c>
      <c r="E1195" s="15" t="s">
        <v>251</v>
      </c>
      <c r="F1195" s="16">
        <v>8944815</v>
      </c>
    </row>
    <row r="1196" spans="1:6" ht="27" customHeight="1" x14ac:dyDescent="0.45">
      <c r="A1196" s="17"/>
      <c r="B1196" s="18"/>
      <c r="C1196" s="15" t="s">
        <v>111</v>
      </c>
      <c r="D1196" s="15" t="s">
        <v>126</v>
      </c>
      <c r="E1196" s="15" t="s">
        <v>252</v>
      </c>
      <c r="F1196" s="16">
        <v>6632890</v>
      </c>
    </row>
    <row r="1197" spans="1:6" ht="27" customHeight="1" x14ac:dyDescent="0.45">
      <c r="A1197" s="17"/>
      <c r="B1197" s="18"/>
      <c r="C1197" s="15" t="s">
        <v>111</v>
      </c>
      <c r="D1197" s="15" t="s">
        <v>126</v>
      </c>
      <c r="E1197" s="15" t="s">
        <v>252</v>
      </c>
      <c r="F1197" s="16">
        <v>6350674</v>
      </c>
    </row>
    <row r="1198" spans="1:6" ht="27" customHeight="1" x14ac:dyDescent="0.45">
      <c r="A1198" s="17"/>
      <c r="B1198" s="18"/>
      <c r="C1198" s="15" t="s">
        <v>111</v>
      </c>
      <c r="D1198" s="15" t="s">
        <v>114</v>
      </c>
      <c r="E1198" s="15" t="s">
        <v>251</v>
      </c>
      <c r="F1198" s="16">
        <v>5049110</v>
      </c>
    </row>
    <row r="1199" spans="1:6" ht="27" customHeight="1" x14ac:dyDescent="0.45">
      <c r="A1199" s="17"/>
      <c r="B1199" s="18"/>
      <c r="C1199" s="15" t="s">
        <v>254</v>
      </c>
      <c r="D1199" s="15" t="s">
        <v>149</v>
      </c>
      <c r="E1199" s="15" t="s">
        <v>150</v>
      </c>
      <c r="F1199" s="16">
        <v>4741220</v>
      </c>
    </row>
    <row r="1200" spans="1:6" ht="27" customHeight="1" x14ac:dyDescent="0.45">
      <c r="A1200" s="17"/>
      <c r="B1200" s="18"/>
      <c r="C1200" s="15" t="s">
        <v>254</v>
      </c>
      <c r="D1200" s="15" t="s">
        <v>149</v>
      </c>
      <c r="E1200" s="15" t="s">
        <v>150</v>
      </c>
      <c r="F1200" s="16">
        <v>4556530</v>
      </c>
    </row>
    <row r="1201" spans="1:6" ht="27" customHeight="1" x14ac:dyDescent="0.45">
      <c r="A1201" s="17"/>
      <c r="B1201" s="18"/>
      <c r="C1201" s="15" t="s">
        <v>254</v>
      </c>
      <c r="D1201" s="15" t="s">
        <v>149</v>
      </c>
      <c r="E1201" s="15" t="s">
        <v>150</v>
      </c>
      <c r="F1201" s="16">
        <v>4111910</v>
      </c>
    </row>
    <row r="1202" spans="1:6" ht="27" customHeight="1" x14ac:dyDescent="0.45">
      <c r="A1202" s="17"/>
      <c r="B1202" s="18"/>
      <c r="C1202" s="15" t="s">
        <v>111</v>
      </c>
      <c r="D1202" s="15" t="s">
        <v>129</v>
      </c>
      <c r="E1202" s="15" t="s">
        <v>263</v>
      </c>
      <c r="F1202" s="16">
        <v>3264580</v>
      </c>
    </row>
    <row r="1203" spans="1:6" ht="27" customHeight="1" x14ac:dyDescent="0.45">
      <c r="A1203" s="17"/>
      <c r="B1203" s="18"/>
      <c r="C1203" s="15" t="s">
        <v>111</v>
      </c>
      <c r="D1203" s="15" t="s">
        <v>129</v>
      </c>
      <c r="E1203" s="15" t="s">
        <v>264</v>
      </c>
      <c r="F1203" s="16">
        <v>3116520</v>
      </c>
    </row>
    <row r="1204" spans="1:6" ht="27" customHeight="1" x14ac:dyDescent="0.45">
      <c r="A1204" s="17"/>
      <c r="B1204" s="18"/>
      <c r="C1204" s="15" t="s">
        <v>111</v>
      </c>
      <c r="D1204" s="15" t="s">
        <v>126</v>
      </c>
      <c r="E1204" s="15" t="s">
        <v>252</v>
      </c>
      <c r="F1204" s="16">
        <v>2885278</v>
      </c>
    </row>
    <row r="1205" spans="1:6" ht="27" customHeight="1" x14ac:dyDescent="0.45">
      <c r="A1205" s="17"/>
      <c r="B1205" s="18"/>
      <c r="C1205" s="15" t="s">
        <v>111</v>
      </c>
      <c r="D1205" s="15" t="s">
        <v>114</v>
      </c>
      <c r="E1205" s="15" t="s">
        <v>155</v>
      </c>
      <c r="F1205" s="16">
        <v>2837835</v>
      </c>
    </row>
    <row r="1206" spans="1:6" ht="27" customHeight="1" x14ac:dyDescent="0.45">
      <c r="A1206" s="17"/>
      <c r="B1206" s="18"/>
      <c r="C1206" s="15" t="s">
        <v>254</v>
      </c>
      <c r="D1206" s="15" t="s">
        <v>149</v>
      </c>
      <c r="E1206" s="15" t="s">
        <v>150</v>
      </c>
      <c r="F1206" s="16">
        <v>2683560</v>
      </c>
    </row>
    <row r="1207" spans="1:6" ht="27" customHeight="1" x14ac:dyDescent="0.45">
      <c r="A1207" s="17"/>
      <c r="B1207" s="18"/>
      <c r="C1207" s="15" t="s">
        <v>254</v>
      </c>
      <c r="D1207" s="15" t="s">
        <v>149</v>
      </c>
      <c r="E1207" s="15" t="s">
        <v>150</v>
      </c>
      <c r="F1207" s="16">
        <v>2531650</v>
      </c>
    </row>
    <row r="1208" spans="1:6" ht="27" customHeight="1" x14ac:dyDescent="0.45">
      <c r="A1208" s="17"/>
      <c r="B1208" s="18"/>
      <c r="C1208" s="15" t="s">
        <v>254</v>
      </c>
      <c r="D1208" s="15" t="s">
        <v>149</v>
      </c>
      <c r="E1208" s="15" t="s">
        <v>150</v>
      </c>
      <c r="F1208" s="16">
        <v>2177670</v>
      </c>
    </row>
    <row r="1209" spans="1:6" ht="27" customHeight="1" x14ac:dyDescent="0.45">
      <c r="A1209" s="17"/>
      <c r="B1209" s="18"/>
      <c r="C1209" s="15" t="s">
        <v>254</v>
      </c>
      <c r="D1209" s="15" t="s">
        <v>149</v>
      </c>
      <c r="E1209" s="15" t="s">
        <v>150</v>
      </c>
      <c r="F1209" s="16">
        <v>1476090</v>
      </c>
    </row>
    <row r="1210" spans="1:6" ht="27" customHeight="1" x14ac:dyDescent="0.45">
      <c r="A1210" s="17"/>
      <c r="B1210" s="18"/>
      <c r="C1210" s="15" t="s">
        <v>111</v>
      </c>
      <c r="D1210" s="15" t="s">
        <v>126</v>
      </c>
      <c r="E1210" s="15" t="s">
        <v>252</v>
      </c>
      <c r="F1210" s="16">
        <v>1214422</v>
      </c>
    </row>
    <row r="1211" spans="1:6" ht="27" customHeight="1" x14ac:dyDescent="0.45">
      <c r="A1211" s="17"/>
      <c r="B1211" s="18"/>
      <c r="C1211" s="15" t="s">
        <v>254</v>
      </c>
      <c r="D1211" s="15" t="s">
        <v>149</v>
      </c>
      <c r="E1211" s="15" t="s">
        <v>150</v>
      </c>
      <c r="F1211" s="16">
        <v>835725</v>
      </c>
    </row>
    <row r="1212" spans="1:6" ht="27" customHeight="1" x14ac:dyDescent="0.45">
      <c r="A1212" s="17"/>
      <c r="B1212" s="18"/>
      <c r="C1212" s="15" t="s">
        <v>254</v>
      </c>
      <c r="D1212" s="15" t="s">
        <v>149</v>
      </c>
      <c r="E1212" s="15" t="s">
        <v>150</v>
      </c>
      <c r="F1212" s="16">
        <v>802780</v>
      </c>
    </row>
    <row r="1213" spans="1:6" ht="27" customHeight="1" x14ac:dyDescent="0.45">
      <c r="A1213" s="17"/>
      <c r="B1213" s="18"/>
      <c r="C1213" s="15" t="s">
        <v>111</v>
      </c>
      <c r="D1213" s="15" t="s">
        <v>126</v>
      </c>
      <c r="E1213" s="15" t="s">
        <v>252</v>
      </c>
      <c r="F1213" s="16">
        <v>735933</v>
      </c>
    </row>
    <row r="1214" spans="1:6" ht="27" customHeight="1" x14ac:dyDescent="0.45">
      <c r="A1214" s="17"/>
      <c r="B1214" s="18"/>
      <c r="C1214" s="15" t="s">
        <v>111</v>
      </c>
      <c r="D1214" s="15" t="s">
        <v>126</v>
      </c>
      <c r="E1214" s="15" t="s">
        <v>252</v>
      </c>
      <c r="F1214" s="16">
        <v>704671</v>
      </c>
    </row>
    <row r="1215" spans="1:6" ht="27" customHeight="1" x14ac:dyDescent="0.45">
      <c r="A1215" s="17"/>
      <c r="B1215" s="18"/>
      <c r="C1215" s="15" t="s">
        <v>111</v>
      </c>
      <c r="D1215" s="15" t="s">
        <v>126</v>
      </c>
      <c r="E1215" s="15" t="s">
        <v>265</v>
      </c>
      <c r="F1215" s="16">
        <v>700480</v>
      </c>
    </row>
    <row r="1216" spans="1:6" ht="27" customHeight="1" x14ac:dyDescent="0.45">
      <c r="A1216" s="17"/>
      <c r="B1216" s="18"/>
      <c r="C1216" s="15" t="s">
        <v>254</v>
      </c>
      <c r="D1216" s="15" t="s">
        <v>149</v>
      </c>
      <c r="E1216" s="15" t="s">
        <v>150</v>
      </c>
      <c r="F1216" s="16">
        <v>682055</v>
      </c>
    </row>
    <row r="1217" spans="1:6" ht="27" customHeight="1" x14ac:dyDescent="0.45">
      <c r="A1217" s="17"/>
      <c r="B1217" s="18"/>
      <c r="C1217" s="15" t="s">
        <v>111</v>
      </c>
      <c r="D1217" s="15" t="s">
        <v>126</v>
      </c>
      <c r="E1217" s="15" t="s">
        <v>252</v>
      </c>
      <c r="F1217" s="16">
        <v>646657</v>
      </c>
    </row>
    <row r="1218" spans="1:6" ht="27" customHeight="1" x14ac:dyDescent="0.45">
      <c r="A1218" s="21"/>
      <c r="B1218" s="22"/>
      <c r="C1218" s="32" t="s">
        <v>254</v>
      </c>
      <c r="D1218" s="15" t="s">
        <v>259</v>
      </c>
      <c r="E1218" s="15" t="s">
        <v>259</v>
      </c>
      <c r="F1218" s="16">
        <v>611400</v>
      </c>
    </row>
    <row r="1219" spans="1:6" ht="27" customHeight="1" x14ac:dyDescent="0.45">
      <c r="A1219" s="31"/>
      <c r="B1219" s="14"/>
      <c r="C1219" s="32" t="s">
        <v>111</v>
      </c>
      <c r="D1219" s="15" t="s">
        <v>126</v>
      </c>
      <c r="E1219" s="15" t="s">
        <v>252</v>
      </c>
      <c r="F1219" s="16">
        <v>605803</v>
      </c>
    </row>
    <row r="1220" spans="1:6" ht="27" customHeight="1" x14ac:dyDescent="0.45">
      <c r="A1220" s="17"/>
      <c r="B1220" s="18"/>
      <c r="C1220" s="32" t="s">
        <v>111</v>
      </c>
      <c r="D1220" s="15" t="s">
        <v>126</v>
      </c>
      <c r="E1220" s="15" t="s">
        <v>252</v>
      </c>
      <c r="F1220" s="16">
        <v>584441</v>
      </c>
    </row>
    <row r="1221" spans="1:6" ht="27" customHeight="1" x14ac:dyDescent="0.45">
      <c r="A1221" s="17"/>
      <c r="B1221" s="18"/>
      <c r="C1221" s="32" t="s">
        <v>254</v>
      </c>
      <c r="D1221" s="15" t="s">
        <v>126</v>
      </c>
      <c r="E1221" s="15" t="s">
        <v>266</v>
      </c>
      <c r="F1221" s="16">
        <v>557920</v>
      </c>
    </row>
    <row r="1222" spans="1:6" ht="27" customHeight="1" x14ac:dyDescent="0.45">
      <c r="A1222" s="17"/>
      <c r="B1222" s="18"/>
      <c r="C1222" s="15" t="s">
        <v>254</v>
      </c>
      <c r="D1222" s="15" t="s">
        <v>126</v>
      </c>
      <c r="E1222" s="15" t="s">
        <v>267</v>
      </c>
      <c r="F1222" s="16">
        <v>557920</v>
      </c>
    </row>
    <row r="1223" spans="1:6" ht="27" customHeight="1" x14ac:dyDescent="0.45">
      <c r="A1223" s="17"/>
      <c r="B1223" s="18"/>
      <c r="C1223" s="15" t="s">
        <v>254</v>
      </c>
      <c r="D1223" s="15" t="s">
        <v>149</v>
      </c>
      <c r="E1223" s="15" t="s">
        <v>150</v>
      </c>
      <c r="F1223" s="16">
        <v>507595</v>
      </c>
    </row>
    <row r="1224" spans="1:6" ht="27" customHeight="1" x14ac:dyDescent="0.45">
      <c r="A1224" s="17"/>
      <c r="B1224" s="18"/>
      <c r="C1224" s="15" t="s">
        <v>254</v>
      </c>
      <c r="D1224" s="15" t="s">
        <v>149</v>
      </c>
      <c r="E1224" s="15" t="s">
        <v>150</v>
      </c>
      <c r="F1224" s="16">
        <v>503690</v>
      </c>
    </row>
    <row r="1225" spans="1:6" ht="27" customHeight="1" x14ac:dyDescent="0.45">
      <c r="A1225" s="17"/>
      <c r="B1225" s="18"/>
      <c r="C1225" s="15" t="s">
        <v>254</v>
      </c>
      <c r="D1225" s="15" t="s">
        <v>149</v>
      </c>
      <c r="E1225" s="15" t="s">
        <v>150</v>
      </c>
      <c r="F1225" s="16">
        <v>488730</v>
      </c>
    </row>
    <row r="1226" spans="1:6" ht="27" customHeight="1" x14ac:dyDescent="0.45">
      <c r="A1226" s="17"/>
      <c r="B1226" s="18"/>
      <c r="C1226" s="15" t="s">
        <v>111</v>
      </c>
      <c r="D1226" s="15" t="s">
        <v>126</v>
      </c>
      <c r="E1226" s="15" t="s">
        <v>252</v>
      </c>
      <c r="F1226" s="16">
        <v>486574</v>
      </c>
    </row>
    <row r="1227" spans="1:6" ht="27" customHeight="1" x14ac:dyDescent="0.45">
      <c r="A1227" s="17"/>
      <c r="B1227" s="18"/>
      <c r="C1227" s="15" t="s">
        <v>111</v>
      </c>
      <c r="D1227" s="15" t="s">
        <v>126</v>
      </c>
      <c r="E1227" s="15" t="s">
        <v>252</v>
      </c>
      <c r="F1227" s="16">
        <v>480667</v>
      </c>
    </row>
    <row r="1228" spans="1:6" ht="27" customHeight="1" x14ac:dyDescent="0.45">
      <c r="A1228" s="17"/>
      <c r="B1228" s="18"/>
      <c r="C1228" s="15" t="s">
        <v>111</v>
      </c>
      <c r="D1228" s="15" t="s">
        <v>126</v>
      </c>
      <c r="E1228" s="15" t="s">
        <v>252</v>
      </c>
      <c r="F1228" s="16">
        <v>472329</v>
      </c>
    </row>
    <row r="1229" spans="1:6" ht="27" customHeight="1" x14ac:dyDescent="0.45">
      <c r="A1229" s="17"/>
      <c r="B1229" s="18"/>
      <c r="C1229" s="15" t="s">
        <v>254</v>
      </c>
      <c r="D1229" s="15" t="s">
        <v>149</v>
      </c>
      <c r="E1229" s="15" t="s">
        <v>150</v>
      </c>
      <c r="F1229" s="16">
        <v>427625</v>
      </c>
    </row>
    <row r="1230" spans="1:6" ht="27" customHeight="1" x14ac:dyDescent="0.45">
      <c r="A1230" s="17"/>
      <c r="B1230" s="18"/>
      <c r="C1230" s="15" t="s">
        <v>111</v>
      </c>
      <c r="D1230" s="15" t="s">
        <v>126</v>
      </c>
      <c r="E1230" s="15" t="s">
        <v>252</v>
      </c>
      <c r="F1230" s="16">
        <v>409827</v>
      </c>
    </row>
    <row r="1231" spans="1:6" ht="27" customHeight="1" x14ac:dyDescent="0.45">
      <c r="A1231" s="17"/>
      <c r="B1231" s="18"/>
      <c r="C1231" s="15" t="s">
        <v>111</v>
      </c>
      <c r="D1231" s="15" t="s">
        <v>204</v>
      </c>
      <c r="E1231" s="15" t="s">
        <v>268</v>
      </c>
      <c r="F1231" s="16">
        <v>388410</v>
      </c>
    </row>
    <row r="1232" spans="1:6" ht="27" customHeight="1" x14ac:dyDescent="0.45">
      <c r="A1232" s="17"/>
      <c r="B1232" s="18"/>
      <c r="C1232" s="15" t="s">
        <v>111</v>
      </c>
      <c r="D1232" s="15" t="s">
        <v>126</v>
      </c>
      <c r="E1232" s="15" t="s">
        <v>252</v>
      </c>
      <c r="F1232" s="16">
        <v>383108</v>
      </c>
    </row>
    <row r="1233" spans="1:6" ht="27" customHeight="1" x14ac:dyDescent="0.45">
      <c r="A1233" s="17"/>
      <c r="B1233" s="18"/>
      <c r="C1233" s="15" t="s">
        <v>254</v>
      </c>
      <c r="D1233" s="15" t="s">
        <v>149</v>
      </c>
      <c r="E1233" s="15" t="s">
        <v>150</v>
      </c>
      <c r="F1233" s="16">
        <v>365145</v>
      </c>
    </row>
    <row r="1234" spans="1:6" ht="27" customHeight="1" x14ac:dyDescent="0.45">
      <c r="A1234" s="17"/>
      <c r="B1234" s="18"/>
      <c r="C1234" s="15" t="s">
        <v>111</v>
      </c>
      <c r="D1234" s="15" t="s">
        <v>126</v>
      </c>
      <c r="E1234" s="15" t="s">
        <v>252</v>
      </c>
      <c r="F1234" s="16">
        <v>297407</v>
      </c>
    </row>
    <row r="1235" spans="1:6" ht="27" customHeight="1" x14ac:dyDescent="0.45">
      <c r="A1235" s="17"/>
      <c r="B1235" s="18"/>
      <c r="C1235" s="15" t="s">
        <v>111</v>
      </c>
      <c r="D1235" s="15" t="s">
        <v>126</v>
      </c>
      <c r="E1235" s="15" t="s">
        <v>252</v>
      </c>
      <c r="F1235" s="16">
        <v>262658</v>
      </c>
    </row>
    <row r="1236" spans="1:6" ht="27" customHeight="1" x14ac:dyDescent="0.45">
      <c r="A1236" s="17"/>
      <c r="B1236" s="18"/>
      <c r="C1236" s="15" t="s">
        <v>111</v>
      </c>
      <c r="D1236" s="15" t="s">
        <v>126</v>
      </c>
      <c r="E1236" s="15" t="s">
        <v>252</v>
      </c>
      <c r="F1236" s="16">
        <v>246510</v>
      </c>
    </row>
    <row r="1237" spans="1:6" ht="27" customHeight="1" x14ac:dyDescent="0.45">
      <c r="A1237" s="17"/>
      <c r="B1237" s="18"/>
      <c r="C1237" s="15" t="s">
        <v>254</v>
      </c>
      <c r="D1237" s="15" t="s">
        <v>149</v>
      </c>
      <c r="E1237" s="15" t="s">
        <v>150</v>
      </c>
      <c r="F1237" s="16">
        <v>234575</v>
      </c>
    </row>
    <row r="1238" spans="1:6" ht="27" customHeight="1" x14ac:dyDescent="0.45">
      <c r="A1238" s="17"/>
      <c r="B1238" s="18"/>
      <c r="C1238" s="15" t="s">
        <v>111</v>
      </c>
      <c r="D1238" s="15" t="s">
        <v>126</v>
      </c>
      <c r="E1238" s="15" t="s">
        <v>252</v>
      </c>
      <c r="F1238" s="16">
        <v>212894</v>
      </c>
    </row>
    <row r="1239" spans="1:6" ht="27" customHeight="1" x14ac:dyDescent="0.45">
      <c r="A1239" s="17"/>
      <c r="B1239" s="18"/>
      <c r="C1239" s="15" t="s">
        <v>111</v>
      </c>
      <c r="D1239" s="15" t="s">
        <v>126</v>
      </c>
      <c r="E1239" s="15" t="s">
        <v>252</v>
      </c>
      <c r="F1239" s="16">
        <v>175296</v>
      </c>
    </row>
    <row r="1240" spans="1:6" ht="27" customHeight="1" x14ac:dyDescent="0.45">
      <c r="A1240" s="17"/>
      <c r="B1240" s="18"/>
      <c r="C1240" s="15" t="s">
        <v>111</v>
      </c>
      <c r="D1240" s="15" t="s">
        <v>126</v>
      </c>
      <c r="E1240" s="15" t="s">
        <v>252</v>
      </c>
      <c r="F1240" s="16">
        <v>162046</v>
      </c>
    </row>
    <row r="1241" spans="1:6" ht="27" customHeight="1" x14ac:dyDescent="0.45">
      <c r="A1241" s="17"/>
      <c r="B1241" s="18"/>
      <c r="C1241" s="15" t="s">
        <v>254</v>
      </c>
      <c r="D1241" s="15" t="s">
        <v>149</v>
      </c>
      <c r="E1241" s="15" t="s">
        <v>150</v>
      </c>
      <c r="F1241" s="16">
        <v>154165</v>
      </c>
    </row>
    <row r="1242" spans="1:6" ht="27" customHeight="1" x14ac:dyDescent="0.45">
      <c r="A1242" s="17"/>
      <c r="B1242" s="18"/>
      <c r="C1242" s="15" t="s">
        <v>254</v>
      </c>
      <c r="D1242" s="15" t="s">
        <v>149</v>
      </c>
      <c r="E1242" s="15" t="s">
        <v>150</v>
      </c>
      <c r="F1242" s="16">
        <v>150095</v>
      </c>
    </row>
    <row r="1243" spans="1:6" ht="27" customHeight="1" x14ac:dyDescent="0.45">
      <c r="A1243" s="17"/>
      <c r="B1243" s="18"/>
      <c r="C1243" s="15" t="s">
        <v>111</v>
      </c>
      <c r="D1243" s="15" t="s">
        <v>126</v>
      </c>
      <c r="E1243" s="15" t="s">
        <v>252</v>
      </c>
      <c r="F1243" s="16">
        <v>143220</v>
      </c>
    </row>
    <row r="1244" spans="1:6" ht="27" customHeight="1" x14ac:dyDescent="0.45">
      <c r="A1244" s="17"/>
      <c r="B1244" s="18"/>
      <c r="C1244" s="15" t="s">
        <v>111</v>
      </c>
      <c r="D1244" s="15" t="s">
        <v>126</v>
      </c>
      <c r="E1244" s="15" t="s">
        <v>252</v>
      </c>
      <c r="F1244" s="16">
        <v>141504</v>
      </c>
    </row>
    <row r="1245" spans="1:6" ht="27" customHeight="1" x14ac:dyDescent="0.45">
      <c r="A1245" s="17"/>
      <c r="B1245" s="18"/>
      <c r="C1245" s="15" t="s">
        <v>111</v>
      </c>
      <c r="D1245" s="15" t="s">
        <v>126</v>
      </c>
      <c r="E1245" s="15" t="s">
        <v>252</v>
      </c>
      <c r="F1245" s="16">
        <v>137203</v>
      </c>
    </row>
    <row r="1246" spans="1:6" ht="27" customHeight="1" x14ac:dyDescent="0.45">
      <c r="A1246" s="17"/>
      <c r="B1246" s="18"/>
      <c r="C1246" s="15" t="s">
        <v>111</v>
      </c>
      <c r="D1246" s="15" t="s">
        <v>126</v>
      </c>
      <c r="E1246" s="15" t="s">
        <v>252</v>
      </c>
      <c r="F1246" s="16">
        <v>102894</v>
      </c>
    </row>
    <row r="1247" spans="1:6" ht="27" customHeight="1" x14ac:dyDescent="0.45">
      <c r="A1247" s="17"/>
      <c r="B1247" s="18"/>
      <c r="C1247" s="15" t="s">
        <v>111</v>
      </c>
      <c r="D1247" s="15" t="s">
        <v>126</v>
      </c>
      <c r="E1247" s="15" t="s">
        <v>252</v>
      </c>
      <c r="F1247" s="16">
        <v>92081</v>
      </c>
    </row>
    <row r="1248" spans="1:6" ht="27" customHeight="1" x14ac:dyDescent="0.45">
      <c r="A1248" s="17"/>
      <c r="B1248" s="18"/>
      <c r="C1248" s="15" t="s">
        <v>111</v>
      </c>
      <c r="D1248" s="15" t="s">
        <v>126</v>
      </c>
      <c r="E1248" s="15" t="s">
        <v>252</v>
      </c>
      <c r="F1248" s="16">
        <v>88649</v>
      </c>
    </row>
    <row r="1249" spans="1:6" ht="27" customHeight="1" x14ac:dyDescent="0.45">
      <c r="A1249" s="17"/>
      <c r="B1249" s="18"/>
      <c r="C1249" s="15" t="s">
        <v>111</v>
      </c>
      <c r="D1249" s="15" t="s">
        <v>126</v>
      </c>
      <c r="E1249" s="15" t="s">
        <v>252</v>
      </c>
      <c r="F1249" s="16">
        <v>83655</v>
      </c>
    </row>
    <row r="1250" spans="1:6" ht="27" customHeight="1" x14ac:dyDescent="0.45">
      <c r="A1250" s="17"/>
      <c r="B1250" s="18"/>
      <c r="C1250" s="15" t="s">
        <v>111</v>
      </c>
      <c r="D1250" s="15" t="s">
        <v>126</v>
      </c>
      <c r="E1250" s="15" t="s">
        <v>252</v>
      </c>
      <c r="F1250" s="16">
        <v>62238</v>
      </c>
    </row>
    <row r="1251" spans="1:6" ht="27" customHeight="1" x14ac:dyDescent="0.45">
      <c r="A1251" s="17"/>
      <c r="B1251" s="18"/>
      <c r="C1251" s="15" t="s">
        <v>111</v>
      </c>
      <c r="D1251" s="15" t="s">
        <v>126</v>
      </c>
      <c r="E1251" s="15" t="s">
        <v>252</v>
      </c>
      <c r="F1251" s="16">
        <v>39523</v>
      </c>
    </row>
    <row r="1252" spans="1:6" ht="27" customHeight="1" x14ac:dyDescent="0.45">
      <c r="A1252" s="17"/>
      <c r="B1252" s="18"/>
      <c r="C1252" s="15" t="s">
        <v>111</v>
      </c>
      <c r="D1252" s="15" t="s">
        <v>126</v>
      </c>
      <c r="E1252" s="15" t="s">
        <v>262</v>
      </c>
      <c r="F1252" s="16">
        <v>38104</v>
      </c>
    </row>
    <row r="1253" spans="1:6" ht="27" customHeight="1" x14ac:dyDescent="0.45">
      <c r="A1253" s="17"/>
      <c r="B1253" s="18"/>
      <c r="C1253" s="15" t="s">
        <v>111</v>
      </c>
      <c r="D1253" s="15" t="s">
        <v>126</v>
      </c>
      <c r="E1253" s="15" t="s">
        <v>252</v>
      </c>
      <c r="F1253" s="16">
        <v>37130</v>
      </c>
    </row>
    <row r="1254" spans="1:6" ht="27" customHeight="1" x14ac:dyDescent="0.45">
      <c r="A1254" s="17"/>
      <c r="B1254" s="18"/>
      <c r="C1254" s="32" t="s">
        <v>111</v>
      </c>
      <c r="D1254" s="15" t="s">
        <v>126</v>
      </c>
      <c r="E1254" s="15" t="s">
        <v>252</v>
      </c>
      <c r="F1254" s="16">
        <v>36531</v>
      </c>
    </row>
    <row r="1255" spans="1:6" ht="27" customHeight="1" x14ac:dyDescent="0.45">
      <c r="A1255" s="21"/>
      <c r="B1255" s="22"/>
      <c r="C1255" s="32" t="s">
        <v>111</v>
      </c>
      <c r="D1255" s="15" t="s">
        <v>126</v>
      </c>
      <c r="E1255" s="15" t="s">
        <v>252</v>
      </c>
      <c r="F1255" s="16">
        <v>27742</v>
      </c>
    </row>
    <row r="1256" spans="1:6" ht="27" customHeight="1" x14ac:dyDescent="0.45">
      <c r="A1256" s="31"/>
      <c r="B1256" s="14"/>
      <c r="C1256" s="32" t="s">
        <v>111</v>
      </c>
      <c r="D1256" s="15" t="s">
        <v>126</v>
      </c>
      <c r="E1256" s="15" t="s">
        <v>252</v>
      </c>
      <c r="F1256" s="16">
        <v>26125</v>
      </c>
    </row>
    <row r="1257" spans="1:6" ht="27" customHeight="1" x14ac:dyDescent="0.45">
      <c r="A1257" s="17"/>
      <c r="B1257" s="18"/>
      <c r="C1257" s="15" t="s">
        <v>111</v>
      </c>
      <c r="D1257" s="15" t="s">
        <v>126</v>
      </c>
      <c r="E1257" s="15" t="s">
        <v>252</v>
      </c>
      <c r="F1257" s="16">
        <v>20460</v>
      </c>
    </row>
    <row r="1258" spans="1:6" ht="27" customHeight="1" x14ac:dyDescent="0.45">
      <c r="A1258" s="17"/>
      <c r="B1258" s="18"/>
      <c r="C1258" s="15" t="s">
        <v>111</v>
      </c>
      <c r="D1258" s="15" t="s">
        <v>126</v>
      </c>
      <c r="E1258" s="15" t="s">
        <v>252</v>
      </c>
      <c r="F1258" s="16">
        <v>17402</v>
      </c>
    </row>
    <row r="1259" spans="1:6" ht="27" customHeight="1" thickBot="1" x14ac:dyDescent="0.5">
      <c r="A1259" s="17"/>
      <c r="B1259" s="18"/>
      <c r="C1259" s="19" t="s">
        <v>111</v>
      </c>
      <c r="D1259" s="19" t="s">
        <v>126</v>
      </c>
      <c r="E1259" s="19" t="s">
        <v>252</v>
      </c>
      <c r="F1259" s="20">
        <v>16390</v>
      </c>
    </row>
    <row r="1260" spans="1:6" ht="27" customHeight="1" thickTop="1" x14ac:dyDescent="0.45">
      <c r="A1260" s="21"/>
      <c r="B1260" s="22"/>
      <c r="C1260" s="23" t="s">
        <v>116</v>
      </c>
      <c r="D1260" s="24"/>
      <c r="E1260" s="25" t="s">
        <v>269</v>
      </c>
      <c r="F1260" s="26">
        <v>301341015</v>
      </c>
    </row>
    <row r="1261" spans="1:6" ht="27" customHeight="1" x14ac:dyDescent="0.45">
      <c r="F1261" s="3"/>
    </row>
    <row r="1262" spans="1:6" ht="27" customHeight="1" x14ac:dyDescent="0.45">
      <c r="A1262" s="5" t="s">
        <v>2</v>
      </c>
      <c r="B1262" s="5" t="s">
        <v>107</v>
      </c>
      <c r="C1262" s="5" t="s">
        <v>108</v>
      </c>
      <c r="D1262" s="5" t="s">
        <v>109</v>
      </c>
      <c r="E1262" s="5" t="s">
        <v>110</v>
      </c>
      <c r="F1262" s="12" t="s">
        <v>5</v>
      </c>
    </row>
    <row r="1263" spans="1:6" ht="27" customHeight="1" x14ac:dyDescent="0.45">
      <c r="A1263" s="13">
        <v>44</v>
      </c>
      <c r="B1263" s="29" t="s">
        <v>49</v>
      </c>
      <c r="C1263" s="15" t="s">
        <v>111</v>
      </c>
      <c r="D1263" s="15" t="s">
        <v>114</v>
      </c>
      <c r="E1263" s="15" t="s">
        <v>270</v>
      </c>
      <c r="F1263" s="16">
        <v>219963480</v>
      </c>
    </row>
    <row r="1264" spans="1:6" ht="27" customHeight="1" x14ac:dyDescent="0.45">
      <c r="A1264" s="17"/>
      <c r="B1264" s="30"/>
      <c r="C1264" s="15" t="s">
        <v>111</v>
      </c>
      <c r="D1264" s="15" t="s">
        <v>114</v>
      </c>
      <c r="E1264" s="15" t="s">
        <v>270</v>
      </c>
      <c r="F1264" s="16">
        <v>66770000</v>
      </c>
    </row>
    <row r="1265" spans="1:6" ht="27" customHeight="1" x14ac:dyDescent="0.45">
      <c r="A1265" s="17"/>
      <c r="B1265" s="18"/>
      <c r="C1265" s="15" t="s">
        <v>111</v>
      </c>
      <c r="D1265" s="15" t="s">
        <v>122</v>
      </c>
      <c r="E1265" s="15" t="s">
        <v>271</v>
      </c>
      <c r="F1265" s="16">
        <v>5834911</v>
      </c>
    </row>
    <row r="1266" spans="1:6" ht="27" customHeight="1" x14ac:dyDescent="0.45">
      <c r="A1266" s="17"/>
      <c r="B1266" s="18"/>
      <c r="C1266" s="15" t="s">
        <v>111</v>
      </c>
      <c r="D1266" s="15" t="s">
        <v>131</v>
      </c>
      <c r="E1266" s="15" t="s">
        <v>224</v>
      </c>
      <c r="F1266" s="16">
        <v>3086769</v>
      </c>
    </row>
    <row r="1267" spans="1:6" ht="27" customHeight="1" thickBot="1" x14ac:dyDescent="0.5">
      <c r="A1267" s="17"/>
      <c r="B1267" s="18"/>
      <c r="C1267" s="15" t="s">
        <v>111</v>
      </c>
      <c r="D1267" s="15" t="s">
        <v>131</v>
      </c>
      <c r="E1267" s="15" t="s">
        <v>224</v>
      </c>
      <c r="F1267" s="16">
        <v>1929231</v>
      </c>
    </row>
    <row r="1268" spans="1:6" ht="27" customHeight="1" thickTop="1" x14ac:dyDescent="0.45">
      <c r="A1268" s="21"/>
      <c r="B1268" s="22"/>
      <c r="C1268" s="23" t="s">
        <v>116</v>
      </c>
      <c r="D1268" s="24"/>
      <c r="E1268" s="25" t="s">
        <v>161</v>
      </c>
      <c r="F1268" s="26">
        <v>297584391</v>
      </c>
    </row>
    <row r="1269" spans="1:6" ht="27" customHeight="1" x14ac:dyDescent="0.45">
      <c r="F1269" s="3"/>
    </row>
    <row r="1270" spans="1:6" ht="27" customHeight="1" x14ac:dyDescent="0.45">
      <c r="A1270" s="5" t="s">
        <v>2</v>
      </c>
      <c r="B1270" s="5" t="s">
        <v>107</v>
      </c>
      <c r="C1270" s="5" t="s">
        <v>108</v>
      </c>
      <c r="D1270" s="5" t="s">
        <v>109</v>
      </c>
      <c r="E1270" s="5" t="s">
        <v>110</v>
      </c>
      <c r="F1270" s="12" t="s">
        <v>5</v>
      </c>
    </row>
    <row r="1271" spans="1:6" ht="27" customHeight="1" x14ac:dyDescent="0.45">
      <c r="A1271" s="13">
        <v>45</v>
      </c>
      <c r="B1271" s="14" t="s">
        <v>50</v>
      </c>
      <c r="C1271" s="15" t="s">
        <v>125</v>
      </c>
      <c r="D1271" s="15" t="s">
        <v>122</v>
      </c>
      <c r="E1271" s="15" t="s">
        <v>123</v>
      </c>
      <c r="F1271" s="16">
        <v>126830000</v>
      </c>
    </row>
    <row r="1272" spans="1:6" ht="27" customHeight="1" x14ac:dyDescent="0.45">
      <c r="A1272" s="17"/>
      <c r="B1272" s="18"/>
      <c r="C1272" s="15" t="s">
        <v>125</v>
      </c>
      <c r="D1272" s="15" t="s">
        <v>122</v>
      </c>
      <c r="E1272" s="15" t="s">
        <v>123</v>
      </c>
      <c r="F1272" s="16">
        <v>95370000</v>
      </c>
    </row>
    <row r="1273" spans="1:6" ht="27" customHeight="1" x14ac:dyDescent="0.45">
      <c r="A1273" s="17"/>
      <c r="B1273" s="18"/>
      <c r="C1273" s="15" t="s">
        <v>111</v>
      </c>
      <c r="D1273" s="15" t="s">
        <v>122</v>
      </c>
      <c r="E1273" s="15" t="s">
        <v>123</v>
      </c>
      <c r="F1273" s="16">
        <v>18304000</v>
      </c>
    </row>
    <row r="1274" spans="1:6" ht="27" customHeight="1" x14ac:dyDescent="0.45">
      <c r="A1274" s="17"/>
      <c r="B1274" s="18"/>
      <c r="C1274" s="15" t="s">
        <v>125</v>
      </c>
      <c r="D1274" s="15" t="s">
        <v>122</v>
      </c>
      <c r="E1274" s="15" t="s">
        <v>123</v>
      </c>
      <c r="F1274" s="16">
        <v>17578000</v>
      </c>
    </row>
    <row r="1275" spans="1:6" ht="27" customHeight="1" x14ac:dyDescent="0.45">
      <c r="A1275" s="17"/>
      <c r="B1275" s="18"/>
      <c r="C1275" s="15" t="s">
        <v>125</v>
      </c>
      <c r="D1275" s="15" t="s">
        <v>122</v>
      </c>
      <c r="E1275" s="15" t="s">
        <v>123</v>
      </c>
      <c r="F1275" s="16">
        <v>15519900</v>
      </c>
    </row>
    <row r="1276" spans="1:6" ht="27" customHeight="1" x14ac:dyDescent="0.45">
      <c r="A1276" s="17"/>
      <c r="B1276" s="18"/>
      <c r="C1276" s="15" t="s">
        <v>125</v>
      </c>
      <c r="D1276" s="15" t="s">
        <v>126</v>
      </c>
      <c r="E1276" s="15" t="s">
        <v>127</v>
      </c>
      <c r="F1276" s="16">
        <v>10868000</v>
      </c>
    </row>
    <row r="1277" spans="1:6" ht="27" customHeight="1" x14ac:dyDescent="0.45">
      <c r="A1277" s="17"/>
      <c r="B1277" s="18"/>
      <c r="C1277" s="15" t="s">
        <v>234</v>
      </c>
      <c r="D1277" s="15" t="s">
        <v>126</v>
      </c>
      <c r="E1277" s="15" t="s">
        <v>127</v>
      </c>
      <c r="F1277" s="16">
        <v>2574000</v>
      </c>
    </row>
    <row r="1278" spans="1:6" ht="27" customHeight="1" x14ac:dyDescent="0.45">
      <c r="A1278" s="17"/>
      <c r="B1278" s="18"/>
      <c r="C1278" s="15" t="s">
        <v>125</v>
      </c>
      <c r="D1278" s="15" t="s">
        <v>149</v>
      </c>
      <c r="E1278" s="15" t="s">
        <v>150</v>
      </c>
      <c r="F1278" s="16">
        <v>2464000</v>
      </c>
    </row>
    <row r="1279" spans="1:6" ht="27" customHeight="1" x14ac:dyDescent="0.45">
      <c r="A1279" s="17"/>
      <c r="B1279" s="18"/>
      <c r="C1279" s="15" t="s">
        <v>111</v>
      </c>
      <c r="D1279" s="15" t="s">
        <v>118</v>
      </c>
      <c r="E1279" s="15" t="s">
        <v>157</v>
      </c>
      <c r="F1279" s="16">
        <v>998800</v>
      </c>
    </row>
    <row r="1280" spans="1:6" ht="27" customHeight="1" thickBot="1" x14ac:dyDescent="0.5">
      <c r="A1280" s="17"/>
      <c r="B1280" s="18"/>
      <c r="C1280" s="19" t="s">
        <v>111</v>
      </c>
      <c r="D1280" s="19" t="s">
        <v>122</v>
      </c>
      <c r="E1280" s="19" t="s">
        <v>123</v>
      </c>
      <c r="F1280" s="20">
        <v>781000</v>
      </c>
    </row>
    <row r="1281" spans="1:6" ht="27" customHeight="1" thickTop="1" x14ac:dyDescent="0.45">
      <c r="A1281" s="21"/>
      <c r="B1281" s="22"/>
      <c r="C1281" s="23" t="s">
        <v>116</v>
      </c>
      <c r="D1281" s="24"/>
      <c r="E1281" s="25" t="s">
        <v>238</v>
      </c>
      <c r="F1281" s="26">
        <v>291287700</v>
      </c>
    </row>
    <row r="1282" spans="1:6" ht="27" customHeight="1" x14ac:dyDescent="0.45">
      <c r="F1282" s="3"/>
    </row>
    <row r="1283" spans="1:6" ht="27" customHeight="1" x14ac:dyDescent="0.45">
      <c r="A1283" s="5" t="s">
        <v>2</v>
      </c>
      <c r="B1283" s="5" t="s">
        <v>107</v>
      </c>
      <c r="C1283" s="5" t="s">
        <v>108</v>
      </c>
      <c r="D1283" s="5" t="s">
        <v>109</v>
      </c>
      <c r="E1283" s="5" t="s">
        <v>110</v>
      </c>
      <c r="F1283" s="12" t="s">
        <v>5</v>
      </c>
    </row>
    <row r="1284" spans="1:6" ht="27" customHeight="1" x14ac:dyDescent="0.45">
      <c r="A1284" s="13">
        <v>46</v>
      </c>
      <c r="B1284" s="14" t="s">
        <v>51</v>
      </c>
      <c r="C1284" s="15" t="s">
        <v>111</v>
      </c>
      <c r="D1284" s="15" t="s">
        <v>126</v>
      </c>
      <c r="E1284" s="15" t="s">
        <v>272</v>
      </c>
      <c r="F1284" s="16">
        <v>77354695</v>
      </c>
    </row>
    <row r="1285" spans="1:6" ht="27" customHeight="1" x14ac:dyDescent="0.45">
      <c r="A1285" s="17"/>
      <c r="B1285" s="18"/>
      <c r="C1285" s="15" t="s">
        <v>111</v>
      </c>
      <c r="D1285" s="15" t="s">
        <v>126</v>
      </c>
      <c r="E1285" s="15" t="s">
        <v>273</v>
      </c>
      <c r="F1285" s="16">
        <v>43960812</v>
      </c>
    </row>
    <row r="1286" spans="1:6" ht="27" customHeight="1" x14ac:dyDescent="0.45">
      <c r="A1286" s="17"/>
      <c r="B1286" s="18"/>
      <c r="C1286" s="15" t="s">
        <v>111</v>
      </c>
      <c r="D1286" s="15" t="s">
        <v>126</v>
      </c>
      <c r="E1286" s="15" t="s">
        <v>274</v>
      </c>
      <c r="F1286" s="16">
        <v>43763280</v>
      </c>
    </row>
    <row r="1287" spans="1:6" ht="27" customHeight="1" x14ac:dyDescent="0.45">
      <c r="A1287" s="17"/>
      <c r="B1287" s="18"/>
      <c r="C1287" s="15" t="s">
        <v>111</v>
      </c>
      <c r="D1287" s="15" t="s">
        <v>126</v>
      </c>
      <c r="E1287" s="15" t="s">
        <v>166</v>
      </c>
      <c r="F1287" s="16">
        <v>25483508</v>
      </c>
    </row>
    <row r="1288" spans="1:6" ht="27" customHeight="1" x14ac:dyDescent="0.45">
      <c r="A1288" s="17"/>
      <c r="B1288" s="18"/>
      <c r="C1288" s="32" t="s">
        <v>111</v>
      </c>
      <c r="D1288" s="15" t="s">
        <v>126</v>
      </c>
      <c r="E1288" s="15" t="s">
        <v>179</v>
      </c>
      <c r="F1288" s="16">
        <v>25404500</v>
      </c>
    </row>
    <row r="1289" spans="1:6" ht="27" customHeight="1" x14ac:dyDescent="0.45">
      <c r="A1289" s="17"/>
      <c r="B1289" s="18"/>
      <c r="C1289" s="32" t="s">
        <v>111</v>
      </c>
      <c r="D1289" s="15" t="s">
        <v>126</v>
      </c>
      <c r="E1289" s="15" t="s">
        <v>272</v>
      </c>
      <c r="F1289" s="16">
        <v>12731070</v>
      </c>
    </row>
    <row r="1290" spans="1:6" ht="27" customHeight="1" x14ac:dyDescent="0.45">
      <c r="A1290" s="17"/>
      <c r="B1290" s="18"/>
      <c r="C1290" s="15" t="s">
        <v>111</v>
      </c>
      <c r="D1290" s="15" t="s">
        <v>126</v>
      </c>
      <c r="E1290" s="15" t="s">
        <v>181</v>
      </c>
      <c r="F1290" s="16">
        <v>11660000</v>
      </c>
    </row>
    <row r="1291" spans="1:6" ht="27" customHeight="1" x14ac:dyDescent="0.45">
      <c r="A1291" s="17"/>
      <c r="B1291" s="18"/>
      <c r="C1291" s="15" t="s">
        <v>111</v>
      </c>
      <c r="D1291" s="15" t="s">
        <v>126</v>
      </c>
      <c r="E1291" s="15" t="s">
        <v>274</v>
      </c>
      <c r="F1291" s="16">
        <v>11191100</v>
      </c>
    </row>
    <row r="1292" spans="1:6" ht="27" customHeight="1" x14ac:dyDescent="0.45">
      <c r="A1292" s="21"/>
      <c r="B1292" s="22"/>
      <c r="C1292" s="32" t="s">
        <v>111</v>
      </c>
      <c r="D1292" s="15" t="s">
        <v>126</v>
      </c>
      <c r="E1292" s="15" t="s">
        <v>275</v>
      </c>
      <c r="F1292" s="16">
        <v>9735000</v>
      </c>
    </row>
    <row r="1293" spans="1:6" ht="27" customHeight="1" x14ac:dyDescent="0.45">
      <c r="A1293" s="31"/>
      <c r="B1293" s="14"/>
      <c r="C1293" s="32" t="s">
        <v>111</v>
      </c>
      <c r="D1293" s="15" t="s">
        <v>126</v>
      </c>
      <c r="E1293" s="15" t="s">
        <v>181</v>
      </c>
      <c r="F1293" s="16">
        <v>7513000</v>
      </c>
    </row>
    <row r="1294" spans="1:6" ht="27" customHeight="1" x14ac:dyDescent="0.45">
      <c r="A1294" s="17"/>
      <c r="B1294" s="18"/>
      <c r="C1294" s="15" t="s">
        <v>111</v>
      </c>
      <c r="D1294" s="15" t="s">
        <v>126</v>
      </c>
      <c r="E1294" s="15" t="s">
        <v>274</v>
      </c>
      <c r="F1294" s="16">
        <v>4571500</v>
      </c>
    </row>
    <row r="1295" spans="1:6" ht="27" customHeight="1" x14ac:dyDescent="0.45">
      <c r="A1295" s="17"/>
      <c r="B1295" s="18"/>
      <c r="C1295" s="15" t="s">
        <v>111</v>
      </c>
      <c r="D1295" s="15" t="s">
        <v>126</v>
      </c>
      <c r="E1295" s="15" t="s">
        <v>181</v>
      </c>
      <c r="F1295" s="16">
        <v>4287996</v>
      </c>
    </row>
    <row r="1296" spans="1:6" ht="27" customHeight="1" x14ac:dyDescent="0.45">
      <c r="A1296" s="17"/>
      <c r="B1296" s="18"/>
      <c r="C1296" s="15" t="s">
        <v>111</v>
      </c>
      <c r="D1296" s="15" t="s">
        <v>126</v>
      </c>
      <c r="E1296" s="15" t="s">
        <v>274</v>
      </c>
      <c r="F1296" s="16">
        <v>1119110</v>
      </c>
    </row>
    <row r="1297" spans="1:6" ht="27" customHeight="1" x14ac:dyDescent="0.45">
      <c r="A1297" s="17"/>
      <c r="B1297" s="18"/>
      <c r="C1297" s="15" t="s">
        <v>111</v>
      </c>
      <c r="D1297" s="15" t="s">
        <v>126</v>
      </c>
      <c r="E1297" s="15" t="s">
        <v>272</v>
      </c>
      <c r="F1297" s="16">
        <v>869000</v>
      </c>
    </row>
    <row r="1298" spans="1:6" ht="27" customHeight="1" x14ac:dyDescent="0.45">
      <c r="A1298" s="17"/>
      <c r="B1298" s="18"/>
      <c r="C1298" s="15" t="s">
        <v>111</v>
      </c>
      <c r="D1298" s="15" t="s">
        <v>126</v>
      </c>
      <c r="E1298" s="15" t="s">
        <v>274</v>
      </c>
      <c r="F1298" s="16">
        <v>521400</v>
      </c>
    </row>
    <row r="1299" spans="1:6" ht="27" customHeight="1" x14ac:dyDescent="0.45">
      <c r="A1299" s="17"/>
      <c r="B1299" s="18"/>
      <c r="C1299" s="15" t="s">
        <v>111</v>
      </c>
      <c r="D1299" s="15" t="s">
        <v>126</v>
      </c>
      <c r="E1299" s="15" t="s">
        <v>273</v>
      </c>
      <c r="F1299" s="16">
        <v>521400</v>
      </c>
    </row>
    <row r="1300" spans="1:6" ht="27" customHeight="1" x14ac:dyDescent="0.45">
      <c r="A1300" s="17"/>
      <c r="B1300" s="18"/>
      <c r="C1300" s="15" t="s">
        <v>111</v>
      </c>
      <c r="D1300" s="15" t="s">
        <v>126</v>
      </c>
      <c r="E1300" s="15" t="s">
        <v>274</v>
      </c>
      <c r="F1300" s="16">
        <v>457150</v>
      </c>
    </row>
    <row r="1301" spans="1:6" ht="27" customHeight="1" x14ac:dyDescent="0.45">
      <c r="A1301" s="17"/>
      <c r="B1301" s="18"/>
      <c r="C1301" s="15" t="s">
        <v>111</v>
      </c>
      <c r="D1301" s="15" t="s">
        <v>126</v>
      </c>
      <c r="E1301" s="15" t="s">
        <v>166</v>
      </c>
      <c r="F1301" s="16">
        <v>347600</v>
      </c>
    </row>
    <row r="1302" spans="1:6" ht="27" customHeight="1" x14ac:dyDescent="0.45">
      <c r="A1302" s="17"/>
      <c r="B1302" s="18"/>
      <c r="C1302" s="15" t="s">
        <v>111</v>
      </c>
      <c r="D1302" s="15" t="s">
        <v>126</v>
      </c>
      <c r="E1302" s="15" t="s">
        <v>179</v>
      </c>
      <c r="F1302" s="16">
        <v>347600</v>
      </c>
    </row>
    <row r="1303" spans="1:6" ht="27" customHeight="1" x14ac:dyDescent="0.45">
      <c r="A1303" s="17"/>
      <c r="B1303" s="18"/>
      <c r="C1303" s="15" t="s">
        <v>111</v>
      </c>
      <c r="D1303" s="15" t="s">
        <v>126</v>
      </c>
      <c r="E1303" s="15" t="s">
        <v>275</v>
      </c>
      <c r="F1303" s="16">
        <v>173800</v>
      </c>
    </row>
    <row r="1304" spans="1:6" ht="27" customHeight="1" x14ac:dyDescent="0.45">
      <c r="A1304" s="17"/>
      <c r="B1304" s="18"/>
      <c r="C1304" s="15" t="s">
        <v>111</v>
      </c>
      <c r="D1304" s="15" t="s">
        <v>126</v>
      </c>
      <c r="E1304" s="15" t="s">
        <v>274</v>
      </c>
      <c r="F1304" s="16">
        <v>173800</v>
      </c>
    </row>
    <row r="1305" spans="1:6" ht="27" customHeight="1" x14ac:dyDescent="0.45">
      <c r="A1305" s="17"/>
      <c r="B1305" s="18"/>
      <c r="C1305" s="15" t="s">
        <v>111</v>
      </c>
      <c r="D1305" s="15" t="s">
        <v>126</v>
      </c>
      <c r="E1305" s="15" t="s">
        <v>274</v>
      </c>
      <c r="F1305" s="16">
        <v>173800</v>
      </c>
    </row>
    <row r="1306" spans="1:6" ht="27" customHeight="1" x14ac:dyDescent="0.45">
      <c r="A1306" s="17"/>
      <c r="B1306" s="18"/>
      <c r="C1306" s="15" t="s">
        <v>111</v>
      </c>
      <c r="D1306" s="15" t="s">
        <v>126</v>
      </c>
      <c r="E1306" s="15" t="s">
        <v>272</v>
      </c>
      <c r="F1306" s="16">
        <v>173800</v>
      </c>
    </row>
    <row r="1307" spans="1:6" ht="27" customHeight="1" x14ac:dyDescent="0.45">
      <c r="A1307" s="17"/>
      <c r="B1307" s="18"/>
      <c r="C1307" s="15" t="s">
        <v>111</v>
      </c>
      <c r="D1307" s="15" t="s">
        <v>126</v>
      </c>
      <c r="E1307" s="15" t="s">
        <v>181</v>
      </c>
      <c r="F1307" s="16">
        <v>173800</v>
      </c>
    </row>
    <row r="1308" spans="1:6" ht="27" customHeight="1" thickBot="1" x14ac:dyDescent="0.5">
      <c r="A1308" s="17"/>
      <c r="B1308" s="18"/>
      <c r="C1308" s="15" t="s">
        <v>111</v>
      </c>
      <c r="D1308" s="15" t="s">
        <v>126</v>
      </c>
      <c r="E1308" s="15" t="s">
        <v>181</v>
      </c>
      <c r="F1308" s="16">
        <v>173800</v>
      </c>
    </row>
    <row r="1309" spans="1:6" ht="27" customHeight="1" thickTop="1" x14ac:dyDescent="0.45">
      <c r="A1309" s="21"/>
      <c r="B1309" s="22"/>
      <c r="C1309" s="23" t="s">
        <v>116</v>
      </c>
      <c r="D1309" s="24"/>
      <c r="E1309" s="25" t="s">
        <v>276</v>
      </c>
      <c r="F1309" s="26">
        <v>282882521</v>
      </c>
    </row>
    <row r="1310" spans="1:6" ht="27" customHeight="1" x14ac:dyDescent="0.45">
      <c r="F1310" s="3"/>
    </row>
    <row r="1311" spans="1:6" ht="27" customHeight="1" x14ac:dyDescent="0.45">
      <c r="A1311" s="5" t="s">
        <v>2</v>
      </c>
      <c r="B1311" s="5" t="s">
        <v>107</v>
      </c>
      <c r="C1311" s="5" t="s">
        <v>108</v>
      </c>
      <c r="D1311" s="5" t="s">
        <v>109</v>
      </c>
      <c r="E1311" s="5" t="s">
        <v>110</v>
      </c>
      <c r="F1311" s="12" t="s">
        <v>5</v>
      </c>
    </row>
    <row r="1312" spans="1:6" ht="27" customHeight="1" thickBot="1" x14ac:dyDescent="0.5">
      <c r="A1312" s="13">
        <v>47</v>
      </c>
      <c r="B1312" s="29" t="s">
        <v>52</v>
      </c>
      <c r="C1312" s="19" t="s">
        <v>145</v>
      </c>
      <c r="D1312" s="19" t="s">
        <v>149</v>
      </c>
      <c r="E1312" s="19" t="s">
        <v>150</v>
      </c>
      <c r="F1312" s="20">
        <v>280500000</v>
      </c>
    </row>
    <row r="1313" spans="1:6" ht="27" customHeight="1" thickTop="1" x14ac:dyDescent="0.45">
      <c r="A1313" s="21"/>
      <c r="B1313" s="34"/>
      <c r="C1313" s="23" t="s">
        <v>116</v>
      </c>
      <c r="D1313" s="24"/>
      <c r="E1313" s="25" t="s">
        <v>120</v>
      </c>
      <c r="F1313" s="26">
        <v>280500000</v>
      </c>
    </row>
    <row r="1314" spans="1:6" ht="27" customHeight="1" x14ac:dyDescent="0.45">
      <c r="F1314" s="3"/>
    </row>
    <row r="1315" spans="1:6" ht="27" customHeight="1" x14ac:dyDescent="0.45">
      <c r="A1315" s="5" t="s">
        <v>2</v>
      </c>
      <c r="B1315" s="5" t="s">
        <v>107</v>
      </c>
      <c r="C1315" s="5" t="s">
        <v>108</v>
      </c>
      <c r="D1315" s="5" t="s">
        <v>109</v>
      </c>
      <c r="E1315" s="5" t="s">
        <v>110</v>
      </c>
      <c r="F1315" s="12" t="s">
        <v>5</v>
      </c>
    </row>
    <row r="1316" spans="1:6" ht="27" customHeight="1" x14ac:dyDescent="0.45">
      <c r="A1316" s="13">
        <v>48</v>
      </c>
      <c r="B1316" s="14" t="s">
        <v>53</v>
      </c>
      <c r="C1316" s="15" t="s">
        <v>111</v>
      </c>
      <c r="D1316" s="15" t="s">
        <v>207</v>
      </c>
      <c r="E1316" s="15" t="s">
        <v>277</v>
      </c>
      <c r="F1316" s="16">
        <v>50050000</v>
      </c>
    </row>
    <row r="1317" spans="1:6" ht="27" customHeight="1" x14ac:dyDescent="0.45">
      <c r="A1317" s="17"/>
      <c r="B1317" s="18"/>
      <c r="C1317" s="15" t="s">
        <v>152</v>
      </c>
      <c r="D1317" s="15" t="s">
        <v>232</v>
      </c>
      <c r="E1317" s="15" t="s">
        <v>233</v>
      </c>
      <c r="F1317" s="16">
        <v>35233400</v>
      </c>
    </row>
    <row r="1318" spans="1:6" ht="27" customHeight="1" x14ac:dyDescent="0.45">
      <c r="A1318" s="17"/>
      <c r="B1318" s="18"/>
      <c r="C1318" s="15" t="s">
        <v>125</v>
      </c>
      <c r="D1318" s="15" t="s">
        <v>122</v>
      </c>
      <c r="E1318" s="15" t="s">
        <v>215</v>
      </c>
      <c r="F1318" s="16">
        <v>25616800</v>
      </c>
    </row>
    <row r="1319" spans="1:6" ht="27" customHeight="1" x14ac:dyDescent="0.45">
      <c r="A1319" s="17"/>
      <c r="B1319" s="18"/>
      <c r="C1319" s="15" t="s">
        <v>111</v>
      </c>
      <c r="D1319" s="15" t="s">
        <v>204</v>
      </c>
      <c r="E1319" s="15" t="s">
        <v>240</v>
      </c>
      <c r="F1319" s="16">
        <v>25135000</v>
      </c>
    </row>
    <row r="1320" spans="1:6" ht="27" customHeight="1" x14ac:dyDescent="0.45">
      <c r="A1320" s="17"/>
      <c r="B1320" s="18"/>
      <c r="C1320" s="15" t="s">
        <v>234</v>
      </c>
      <c r="D1320" s="15" t="s">
        <v>232</v>
      </c>
      <c r="E1320" s="15" t="s">
        <v>239</v>
      </c>
      <c r="F1320" s="16">
        <v>23474000</v>
      </c>
    </row>
    <row r="1321" spans="1:6" ht="27" customHeight="1" x14ac:dyDescent="0.45">
      <c r="A1321" s="17"/>
      <c r="B1321" s="18"/>
      <c r="C1321" s="15" t="s">
        <v>111</v>
      </c>
      <c r="D1321" s="15" t="s">
        <v>204</v>
      </c>
      <c r="E1321" s="15" t="s">
        <v>278</v>
      </c>
      <c r="F1321" s="16">
        <v>19030000</v>
      </c>
    </row>
    <row r="1322" spans="1:6" ht="27" customHeight="1" x14ac:dyDescent="0.45">
      <c r="A1322" s="17"/>
      <c r="B1322" s="18"/>
      <c r="C1322" s="32" t="s">
        <v>152</v>
      </c>
      <c r="D1322" s="15" t="s">
        <v>204</v>
      </c>
      <c r="E1322" s="15" t="s">
        <v>279</v>
      </c>
      <c r="F1322" s="16">
        <v>18656000</v>
      </c>
    </row>
    <row r="1323" spans="1:6" ht="27" customHeight="1" x14ac:dyDescent="0.45">
      <c r="A1323" s="17"/>
      <c r="B1323" s="18"/>
      <c r="C1323" s="32" t="s">
        <v>111</v>
      </c>
      <c r="D1323" s="15" t="s">
        <v>122</v>
      </c>
      <c r="E1323" s="15" t="s">
        <v>280</v>
      </c>
      <c r="F1323" s="16">
        <v>10810800</v>
      </c>
    </row>
    <row r="1324" spans="1:6" ht="27" customHeight="1" x14ac:dyDescent="0.45">
      <c r="A1324" s="17"/>
      <c r="B1324" s="18"/>
      <c r="C1324" s="15" t="s">
        <v>152</v>
      </c>
      <c r="D1324" s="15" t="s">
        <v>122</v>
      </c>
      <c r="E1324" s="15" t="s">
        <v>226</v>
      </c>
      <c r="F1324" s="16">
        <v>9000000</v>
      </c>
    </row>
    <row r="1325" spans="1:6" ht="27" customHeight="1" x14ac:dyDescent="0.45">
      <c r="A1325" s="17"/>
      <c r="B1325" s="18"/>
      <c r="C1325" s="15" t="s">
        <v>125</v>
      </c>
      <c r="D1325" s="15" t="s">
        <v>232</v>
      </c>
      <c r="E1325" s="15" t="s">
        <v>242</v>
      </c>
      <c r="F1325" s="16">
        <v>8690000</v>
      </c>
    </row>
    <row r="1326" spans="1:6" ht="27" customHeight="1" x14ac:dyDescent="0.45">
      <c r="A1326" s="17"/>
      <c r="B1326" s="18"/>
      <c r="C1326" s="15" t="s">
        <v>111</v>
      </c>
      <c r="D1326" s="15" t="s">
        <v>204</v>
      </c>
      <c r="E1326" s="15" t="s">
        <v>240</v>
      </c>
      <c r="F1326" s="16">
        <v>7172000</v>
      </c>
    </row>
    <row r="1327" spans="1:6" ht="27" customHeight="1" x14ac:dyDescent="0.45">
      <c r="A1327" s="17"/>
      <c r="B1327" s="18"/>
      <c r="C1327" s="15" t="s">
        <v>152</v>
      </c>
      <c r="D1327" s="15" t="s">
        <v>122</v>
      </c>
      <c r="E1327" s="15" t="s">
        <v>226</v>
      </c>
      <c r="F1327" s="16">
        <v>7000000</v>
      </c>
    </row>
    <row r="1328" spans="1:6" ht="27" customHeight="1" x14ac:dyDescent="0.45">
      <c r="A1328" s="17"/>
      <c r="B1328" s="18"/>
      <c r="C1328" s="15" t="s">
        <v>152</v>
      </c>
      <c r="D1328" s="15" t="s">
        <v>122</v>
      </c>
      <c r="E1328" s="15" t="s">
        <v>208</v>
      </c>
      <c r="F1328" s="16">
        <v>6351415</v>
      </c>
    </row>
    <row r="1329" spans="1:6" ht="27" customHeight="1" x14ac:dyDescent="0.45">
      <c r="A1329" s="21"/>
      <c r="B1329" s="22"/>
      <c r="C1329" s="32" t="s">
        <v>125</v>
      </c>
      <c r="D1329" s="15" t="s">
        <v>122</v>
      </c>
      <c r="E1329" s="15" t="s">
        <v>247</v>
      </c>
      <c r="F1329" s="16">
        <v>4642774</v>
      </c>
    </row>
    <row r="1330" spans="1:6" ht="27" customHeight="1" x14ac:dyDescent="0.45">
      <c r="A1330" s="31"/>
      <c r="B1330" s="14"/>
      <c r="C1330" s="32" t="s">
        <v>125</v>
      </c>
      <c r="D1330" s="15" t="s">
        <v>122</v>
      </c>
      <c r="E1330" s="15" t="s">
        <v>247</v>
      </c>
      <c r="F1330" s="16">
        <v>4618928</v>
      </c>
    </row>
    <row r="1331" spans="1:6" ht="27" customHeight="1" x14ac:dyDescent="0.45">
      <c r="A1331" s="17"/>
      <c r="B1331" s="18"/>
      <c r="C1331" s="15" t="s">
        <v>125</v>
      </c>
      <c r="D1331" s="15" t="s">
        <v>122</v>
      </c>
      <c r="E1331" s="15" t="s">
        <v>247</v>
      </c>
      <c r="F1331" s="16">
        <v>3896560</v>
      </c>
    </row>
    <row r="1332" spans="1:6" ht="27" customHeight="1" x14ac:dyDescent="0.45">
      <c r="A1332" s="17"/>
      <c r="B1332" s="18"/>
      <c r="C1332" s="15" t="s">
        <v>111</v>
      </c>
      <c r="D1332" s="15" t="s">
        <v>204</v>
      </c>
      <c r="E1332" s="15" t="s">
        <v>240</v>
      </c>
      <c r="F1332" s="16">
        <v>3289000</v>
      </c>
    </row>
    <row r="1333" spans="1:6" ht="27" customHeight="1" x14ac:dyDescent="0.45">
      <c r="A1333" s="17"/>
      <c r="B1333" s="18"/>
      <c r="C1333" s="15" t="s">
        <v>234</v>
      </c>
      <c r="D1333" s="15" t="s">
        <v>122</v>
      </c>
      <c r="E1333" s="15" t="s">
        <v>226</v>
      </c>
      <c r="F1333" s="16">
        <v>2913800</v>
      </c>
    </row>
    <row r="1334" spans="1:6" ht="27" customHeight="1" x14ac:dyDescent="0.45">
      <c r="A1334" s="17"/>
      <c r="B1334" s="18"/>
      <c r="C1334" s="15" t="s">
        <v>125</v>
      </c>
      <c r="D1334" s="15" t="s">
        <v>122</v>
      </c>
      <c r="E1334" s="15" t="s">
        <v>216</v>
      </c>
      <c r="F1334" s="16">
        <v>2294338</v>
      </c>
    </row>
    <row r="1335" spans="1:6" ht="27" customHeight="1" x14ac:dyDescent="0.45">
      <c r="A1335" s="17"/>
      <c r="B1335" s="18"/>
      <c r="C1335" s="15" t="s">
        <v>125</v>
      </c>
      <c r="D1335" s="15" t="s">
        <v>122</v>
      </c>
      <c r="E1335" s="15" t="s">
        <v>247</v>
      </c>
      <c r="F1335" s="16">
        <v>2006840</v>
      </c>
    </row>
    <row r="1336" spans="1:6" ht="27" customHeight="1" x14ac:dyDescent="0.45">
      <c r="A1336" s="17"/>
      <c r="B1336" s="18"/>
      <c r="C1336" s="15" t="s">
        <v>111</v>
      </c>
      <c r="D1336" s="15" t="s">
        <v>207</v>
      </c>
      <c r="E1336" s="15" t="s">
        <v>221</v>
      </c>
      <c r="F1336" s="16">
        <v>1639000</v>
      </c>
    </row>
    <row r="1337" spans="1:6" ht="27" customHeight="1" x14ac:dyDescent="0.45">
      <c r="A1337" s="17"/>
      <c r="B1337" s="18"/>
      <c r="C1337" s="15" t="s">
        <v>152</v>
      </c>
      <c r="D1337" s="15" t="s">
        <v>122</v>
      </c>
      <c r="E1337" s="15" t="s">
        <v>226</v>
      </c>
      <c r="F1337" s="16">
        <v>1491232</v>
      </c>
    </row>
    <row r="1338" spans="1:6" ht="27" customHeight="1" x14ac:dyDescent="0.45">
      <c r="A1338" s="17"/>
      <c r="B1338" s="18"/>
      <c r="C1338" s="15" t="s">
        <v>234</v>
      </c>
      <c r="D1338" s="15" t="s">
        <v>122</v>
      </c>
      <c r="E1338" s="15" t="s">
        <v>226</v>
      </c>
      <c r="F1338" s="16">
        <v>890000</v>
      </c>
    </row>
    <row r="1339" spans="1:6" ht="27" customHeight="1" x14ac:dyDescent="0.45">
      <c r="A1339" s="17"/>
      <c r="B1339" s="18"/>
      <c r="C1339" s="15" t="s">
        <v>152</v>
      </c>
      <c r="D1339" s="15" t="s">
        <v>122</v>
      </c>
      <c r="E1339" s="15" t="s">
        <v>226</v>
      </c>
      <c r="F1339" s="16">
        <v>610080</v>
      </c>
    </row>
    <row r="1340" spans="1:6" ht="27" customHeight="1" x14ac:dyDescent="0.45">
      <c r="A1340" s="17"/>
      <c r="B1340" s="18"/>
      <c r="C1340" s="15" t="s">
        <v>152</v>
      </c>
      <c r="D1340" s="15" t="s">
        <v>204</v>
      </c>
      <c r="E1340" s="15" t="s">
        <v>278</v>
      </c>
      <c r="F1340" s="16">
        <v>484000</v>
      </c>
    </row>
    <row r="1341" spans="1:6" ht="27" customHeight="1" x14ac:dyDescent="0.45">
      <c r="A1341" s="17"/>
      <c r="B1341" s="18"/>
      <c r="C1341" s="15" t="s">
        <v>162</v>
      </c>
      <c r="D1341" s="15" t="s">
        <v>232</v>
      </c>
      <c r="E1341" s="15" t="s">
        <v>233</v>
      </c>
      <c r="F1341" s="16">
        <v>396000</v>
      </c>
    </row>
    <row r="1342" spans="1:6" ht="27" customHeight="1" x14ac:dyDescent="0.45">
      <c r="A1342" s="17"/>
      <c r="B1342" s="18"/>
      <c r="C1342" s="15" t="s">
        <v>111</v>
      </c>
      <c r="D1342" s="15" t="s">
        <v>122</v>
      </c>
      <c r="E1342" s="15" t="s">
        <v>247</v>
      </c>
      <c r="F1342" s="16">
        <v>330000</v>
      </c>
    </row>
    <row r="1343" spans="1:6" ht="27" customHeight="1" x14ac:dyDescent="0.45">
      <c r="A1343" s="17"/>
      <c r="B1343" s="18"/>
      <c r="C1343" s="15" t="s">
        <v>162</v>
      </c>
      <c r="D1343" s="15" t="s">
        <v>232</v>
      </c>
      <c r="E1343" s="15" t="s">
        <v>233</v>
      </c>
      <c r="F1343" s="16">
        <v>187000</v>
      </c>
    </row>
    <row r="1344" spans="1:6" ht="27" customHeight="1" x14ac:dyDescent="0.45">
      <c r="A1344" s="17"/>
      <c r="B1344" s="18"/>
      <c r="C1344" s="15" t="s">
        <v>152</v>
      </c>
      <c r="D1344" s="15" t="s">
        <v>122</v>
      </c>
      <c r="E1344" s="15" t="s">
        <v>226</v>
      </c>
      <c r="F1344" s="16">
        <v>101180</v>
      </c>
    </row>
    <row r="1345" spans="1:6" ht="27" customHeight="1" x14ac:dyDescent="0.45">
      <c r="A1345" s="17"/>
      <c r="B1345" s="18"/>
      <c r="C1345" s="15" t="s">
        <v>234</v>
      </c>
      <c r="D1345" s="15" t="s">
        <v>232</v>
      </c>
      <c r="E1345" s="15" t="s">
        <v>239</v>
      </c>
      <c r="F1345" s="16">
        <v>66000</v>
      </c>
    </row>
    <row r="1346" spans="1:6" ht="27" customHeight="1" thickBot="1" x14ac:dyDescent="0.5">
      <c r="A1346" s="17"/>
      <c r="B1346" s="18"/>
      <c r="C1346" s="19" t="s">
        <v>152</v>
      </c>
      <c r="D1346" s="19" t="s">
        <v>122</v>
      </c>
      <c r="E1346" s="19" t="s">
        <v>208</v>
      </c>
      <c r="F1346" s="20">
        <v>31885</v>
      </c>
    </row>
    <row r="1347" spans="1:6" ht="27" customHeight="1" thickTop="1" x14ac:dyDescent="0.45">
      <c r="A1347" s="21"/>
      <c r="B1347" s="22"/>
      <c r="C1347" s="23" t="s">
        <v>116</v>
      </c>
      <c r="D1347" s="24"/>
      <c r="E1347" s="25" t="s">
        <v>281</v>
      </c>
      <c r="F1347" s="26">
        <v>276108032</v>
      </c>
    </row>
    <row r="1348" spans="1:6" ht="27" customHeight="1" x14ac:dyDescent="0.45">
      <c r="F1348" s="3"/>
    </row>
    <row r="1349" spans="1:6" ht="27" customHeight="1" x14ac:dyDescent="0.45">
      <c r="A1349" s="5" t="s">
        <v>2</v>
      </c>
      <c r="B1349" s="5" t="s">
        <v>107</v>
      </c>
      <c r="C1349" s="5" t="s">
        <v>108</v>
      </c>
      <c r="D1349" s="5" t="s">
        <v>109</v>
      </c>
      <c r="E1349" s="5" t="s">
        <v>110</v>
      </c>
      <c r="F1349" s="12" t="s">
        <v>5</v>
      </c>
    </row>
    <row r="1350" spans="1:6" ht="27" customHeight="1" x14ac:dyDescent="0.45">
      <c r="A1350" s="13">
        <v>49</v>
      </c>
      <c r="B1350" s="29" t="s">
        <v>54</v>
      </c>
      <c r="C1350" s="15" t="s">
        <v>125</v>
      </c>
      <c r="D1350" s="15" t="s">
        <v>122</v>
      </c>
      <c r="E1350" s="15" t="s">
        <v>195</v>
      </c>
      <c r="F1350" s="16">
        <v>38226100</v>
      </c>
    </row>
    <row r="1351" spans="1:6" ht="27" customHeight="1" x14ac:dyDescent="0.45">
      <c r="A1351" s="17"/>
      <c r="B1351" s="30"/>
      <c r="C1351" s="15" t="s">
        <v>125</v>
      </c>
      <c r="D1351" s="15" t="s">
        <v>122</v>
      </c>
      <c r="E1351" s="15" t="s">
        <v>206</v>
      </c>
      <c r="F1351" s="16">
        <v>24480500</v>
      </c>
    </row>
    <row r="1352" spans="1:6" ht="27" customHeight="1" x14ac:dyDescent="0.45">
      <c r="A1352" s="17"/>
      <c r="B1352" s="18"/>
      <c r="C1352" s="15" t="s">
        <v>152</v>
      </c>
      <c r="D1352" s="15" t="s">
        <v>122</v>
      </c>
      <c r="E1352" s="15" t="s">
        <v>206</v>
      </c>
      <c r="F1352" s="16">
        <v>23540000</v>
      </c>
    </row>
    <row r="1353" spans="1:6" ht="27" customHeight="1" x14ac:dyDescent="0.45">
      <c r="A1353" s="17"/>
      <c r="B1353" s="18"/>
      <c r="C1353" s="15" t="s">
        <v>125</v>
      </c>
      <c r="D1353" s="15" t="s">
        <v>122</v>
      </c>
      <c r="E1353" s="15" t="s">
        <v>208</v>
      </c>
      <c r="F1353" s="16">
        <v>22297882</v>
      </c>
    </row>
    <row r="1354" spans="1:6" ht="27" customHeight="1" x14ac:dyDescent="0.45">
      <c r="A1354" s="17"/>
      <c r="B1354" s="18"/>
      <c r="C1354" s="15" t="s">
        <v>125</v>
      </c>
      <c r="D1354" s="15" t="s">
        <v>122</v>
      </c>
      <c r="E1354" s="15" t="s">
        <v>230</v>
      </c>
      <c r="F1354" s="16">
        <v>22000000</v>
      </c>
    </row>
    <row r="1355" spans="1:6" ht="27" customHeight="1" x14ac:dyDescent="0.45">
      <c r="A1355" s="17"/>
      <c r="B1355" s="18"/>
      <c r="C1355" s="15" t="s">
        <v>152</v>
      </c>
      <c r="D1355" s="15" t="s">
        <v>122</v>
      </c>
      <c r="E1355" s="15" t="s">
        <v>208</v>
      </c>
      <c r="F1355" s="16">
        <v>20380700</v>
      </c>
    </row>
    <row r="1356" spans="1:6" ht="27" customHeight="1" x14ac:dyDescent="0.45">
      <c r="A1356" s="17"/>
      <c r="B1356" s="18"/>
      <c r="C1356" s="32" t="s">
        <v>111</v>
      </c>
      <c r="D1356" s="15" t="s">
        <v>112</v>
      </c>
      <c r="E1356" s="15" t="s">
        <v>146</v>
      </c>
      <c r="F1356" s="16">
        <v>19250000</v>
      </c>
    </row>
    <row r="1357" spans="1:6" ht="27" customHeight="1" x14ac:dyDescent="0.45">
      <c r="A1357" s="17"/>
      <c r="B1357" s="18"/>
      <c r="C1357" s="32" t="s">
        <v>125</v>
      </c>
      <c r="D1357" s="15" t="s">
        <v>122</v>
      </c>
      <c r="E1357" s="15" t="s">
        <v>208</v>
      </c>
      <c r="F1357" s="16">
        <v>17702118</v>
      </c>
    </row>
    <row r="1358" spans="1:6" ht="27" customHeight="1" x14ac:dyDescent="0.45">
      <c r="A1358" s="17"/>
      <c r="B1358" s="18"/>
      <c r="C1358" s="15" t="s">
        <v>125</v>
      </c>
      <c r="D1358" s="15" t="s">
        <v>122</v>
      </c>
      <c r="E1358" s="15" t="s">
        <v>247</v>
      </c>
      <c r="F1358" s="16">
        <v>16830000</v>
      </c>
    </row>
    <row r="1359" spans="1:6" ht="27" customHeight="1" x14ac:dyDescent="0.45">
      <c r="A1359" s="17"/>
      <c r="B1359" s="18"/>
      <c r="C1359" s="15" t="s">
        <v>125</v>
      </c>
      <c r="D1359" s="15" t="s">
        <v>122</v>
      </c>
      <c r="E1359" s="15" t="s">
        <v>247</v>
      </c>
      <c r="F1359" s="16">
        <v>11550000</v>
      </c>
    </row>
    <row r="1360" spans="1:6" ht="27" customHeight="1" x14ac:dyDescent="0.45">
      <c r="A1360" s="17"/>
      <c r="B1360" s="18"/>
      <c r="C1360" s="15" t="s">
        <v>152</v>
      </c>
      <c r="D1360" s="15" t="s">
        <v>122</v>
      </c>
      <c r="E1360" s="15" t="s">
        <v>230</v>
      </c>
      <c r="F1360" s="16">
        <v>9860750</v>
      </c>
    </row>
    <row r="1361" spans="1:6" ht="27" customHeight="1" x14ac:dyDescent="0.45">
      <c r="A1361" s="17"/>
      <c r="B1361" s="18"/>
      <c r="C1361" s="15" t="s">
        <v>152</v>
      </c>
      <c r="D1361" s="15" t="s">
        <v>122</v>
      </c>
      <c r="E1361" s="15" t="s">
        <v>230</v>
      </c>
      <c r="F1361" s="16">
        <v>9842000</v>
      </c>
    </row>
    <row r="1362" spans="1:6" ht="27" customHeight="1" x14ac:dyDescent="0.45">
      <c r="A1362" s="17"/>
      <c r="B1362" s="18"/>
      <c r="C1362" s="15" t="s">
        <v>125</v>
      </c>
      <c r="D1362" s="15" t="s">
        <v>122</v>
      </c>
      <c r="E1362" s="15" t="s">
        <v>195</v>
      </c>
      <c r="F1362" s="16">
        <v>5408000</v>
      </c>
    </row>
    <row r="1363" spans="1:6" ht="27" customHeight="1" x14ac:dyDescent="0.45">
      <c r="A1363" s="17"/>
      <c r="B1363" s="18"/>
      <c r="C1363" s="15" t="s">
        <v>125</v>
      </c>
      <c r="D1363" s="15" t="s">
        <v>112</v>
      </c>
      <c r="E1363" s="15" t="s">
        <v>146</v>
      </c>
      <c r="F1363" s="16">
        <v>5100000</v>
      </c>
    </row>
    <row r="1364" spans="1:6" ht="27" customHeight="1" x14ac:dyDescent="0.45">
      <c r="A1364" s="17"/>
      <c r="B1364" s="18"/>
      <c r="C1364" s="15" t="s">
        <v>125</v>
      </c>
      <c r="D1364" s="15" t="s">
        <v>122</v>
      </c>
      <c r="E1364" s="15" t="s">
        <v>195</v>
      </c>
      <c r="F1364" s="16">
        <v>3990000</v>
      </c>
    </row>
    <row r="1365" spans="1:6" ht="27" customHeight="1" x14ac:dyDescent="0.45">
      <c r="A1365" s="17"/>
      <c r="B1365" s="18"/>
      <c r="C1365" s="15" t="s">
        <v>111</v>
      </c>
      <c r="D1365" s="15" t="s">
        <v>122</v>
      </c>
      <c r="E1365" s="15" t="s">
        <v>282</v>
      </c>
      <c r="F1365" s="16">
        <v>2675200</v>
      </c>
    </row>
    <row r="1366" spans="1:6" ht="27" customHeight="1" x14ac:dyDescent="0.45">
      <c r="A1366" s="21"/>
      <c r="B1366" s="22"/>
      <c r="C1366" s="32" t="s">
        <v>125</v>
      </c>
      <c r="D1366" s="15" t="s">
        <v>122</v>
      </c>
      <c r="E1366" s="15" t="s">
        <v>247</v>
      </c>
      <c r="F1366" s="16">
        <v>2530000</v>
      </c>
    </row>
    <row r="1367" spans="1:6" ht="27" customHeight="1" x14ac:dyDescent="0.45">
      <c r="A1367" s="31"/>
      <c r="B1367" s="14"/>
      <c r="C1367" s="32" t="s">
        <v>125</v>
      </c>
      <c r="D1367" s="15" t="s">
        <v>122</v>
      </c>
      <c r="E1367" s="15" t="s">
        <v>230</v>
      </c>
      <c r="F1367" s="16">
        <v>2434300</v>
      </c>
    </row>
    <row r="1368" spans="1:6" ht="27" customHeight="1" x14ac:dyDescent="0.45">
      <c r="A1368" s="17"/>
      <c r="B1368" s="18"/>
      <c r="C1368" s="15" t="s">
        <v>125</v>
      </c>
      <c r="D1368" s="15" t="s">
        <v>122</v>
      </c>
      <c r="E1368" s="15" t="s">
        <v>247</v>
      </c>
      <c r="F1368" s="16">
        <v>2380400</v>
      </c>
    </row>
    <row r="1369" spans="1:6" ht="27" customHeight="1" x14ac:dyDescent="0.45">
      <c r="A1369" s="17"/>
      <c r="B1369" s="18"/>
      <c r="C1369" s="15" t="s">
        <v>125</v>
      </c>
      <c r="D1369" s="15" t="s">
        <v>122</v>
      </c>
      <c r="E1369" s="15" t="s">
        <v>247</v>
      </c>
      <c r="F1369" s="16">
        <v>2200000</v>
      </c>
    </row>
    <row r="1370" spans="1:6" ht="27" customHeight="1" x14ac:dyDescent="0.45">
      <c r="A1370" s="17"/>
      <c r="B1370" s="18"/>
      <c r="C1370" s="15" t="s">
        <v>152</v>
      </c>
      <c r="D1370" s="15" t="s">
        <v>122</v>
      </c>
      <c r="E1370" s="15" t="s">
        <v>230</v>
      </c>
      <c r="F1370" s="16">
        <v>2011986</v>
      </c>
    </row>
    <row r="1371" spans="1:6" ht="27" customHeight="1" x14ac:dyDescent="0.45">
      <c r="A1371" s="17"/>
      <c r="B1371" s="18"/>
      <c r="C1371" s="15" t="s">
        <v>125</v>
      </c>
      <c r="D1371" s="15" t="s">
        <v>122</v>
      </c>
      <c r="E1371" s="15" t="s">
        <v>195</v>
      </c>
      <c r="F1371" s="16">
        <v>1568600</v>
      </c>
    </row>
    <row r="1372" spans="1:6" ht="27" customHeight="1" x14ac:dyDescent="0.45">
      <c r="A1372" s="17"/>
      <c r="B1372" s="18"/>
      <c r="C1372" s="15" t="s">
        <v>152</v>
      </c>
      <c r="D1372" s="15" t="s">
        <v>122</v>
      </c>
      <c r="E1372" s="15" t="s">
        <v>208</v>
      </c>
      <c r="F1372" s="16">
        <v>1523600</v>
      </c>
    </row>
    <row r="1373" spans="1:6" ht="27" customHeight="1" x14ac:dyDescent="0.45">
      <c r="A1373" s="17"/>
      <c r="B1373" s="18"/>
      <c r="C1373" s="15" t="s">
        <v>111</v>
      </c>
      <c r="D1373" s="15" t="s">
        <v>122</v>
      </c>
      <c r="E1373" s="15" t="s">
        <v>282</v>
      </c>
      <c r="F1373" s="16">
        <v>1504800</v>
      </c>
    </row>
    <row r="1374" spans="1:6" ht="27" customHeight="1" x14ac:dyDescent="0.45">
      <c r="A1374" s="17"/>
      <c r="B1374" s="18"/>
      <c r="C1374" s="15" t="s">
        <v>152</v>
      </c>
      <c r="D1374" s="15" t="s">
        <v>122</v>
      </c>
      <c r="E1374" s="15" t="s">
        <v>230</v>
      </c>
      <c r="F1374" s="16">
        <v>1362164</v>
      </c>
    </row>
    <row r="1375" spans="1:6" ht="27" customHeight="1" x14ac:dyDescent="0.45">
      <c r="A1375" s="17"/>
      <c r="B1375" s="18"/>
      <c r="C1375" s="15" t="s">
        <v>125</v>
      </c>
      <c r="D1375" s="15" t="s">
        <v>122</v>
      </c>
      <c r="E1375" s="15" t="s">
        <v>208</v>
      </c>
      <c r="F1375" s="16">
        <v>990000</v>
      </c>
    </row>
    <row r="1376" spans="1:6" ht="27" customHeight="1" x14ac:dyDescent="0.45">
      <c r="A1376" s="17"/>
      <c r="B1376" s="18"/>
      <c r="C1376" s="15" t="s">
        <v>152</v>
      </c>
      <c r="D1376" s="15" t="s">
        <v>122</v>
      </c>
      <c r="E1376" s="15" t="s">
        <v>208</v>
      </c>
      <c r="F1376" s="16">
        <v>990000</v>
      </c>
    </row>
    <row r="1377" spans="1:6" ht="27" customHeight="1" x14ac:dyDescent="0.45">
      <c r="A1377" s="17"/>
      <c r="B1377" s="18"/>
      <c r="C1377" s="15" t="s">
        <v>125</v>
      </c>
      <c r="D1377" s="15" t="s">
        <v>122</v>
      </c>
      <c r="E1377" s="15" t="s">
        <v>247</v>
      </c>
      <c r="F1377" s="16">
        <v>990000</v>
      </c>
    </row>
    <row r="1378" spans="1:6" ht="27" customHeight="1" x14ac:dyDescent="0.45">
      <c r="A1378" s="17"/>
      <c r="B1378" s="18"/>
      <c r="C1378" s="15" t="s">
        <v>152</v>
      </c>
      <c r="D1378" s="15" t="s">
        <v>122</v>
      </c>
      <c r="E1378" s="15" t="s">
        <v>206</v>
      </c>
      <c r="F1378" s="16">
        <v>900000</v>
      </c>
    </row>
    <row r="1379" spans="1:6" ht="27" customHeight="1" x14ac:dyDescent="0.45">
      <c r="A1379" s="17"/>
      <c r="B1379" s="18"/>
      <c r="C1379" s="15" t="s">
        <v>125</v>
      </c>
      <c r="D1379" s="15" t="s">
        <v>122</v>
      </c>
      <c r="E1379" s="15" t="s">
        <v>195</v>
      </c>
      <c r="F1379" s="16">
        <v>392000</v>
      </c>
    </row>
    <row r="1380" spans="1:6" ht="27" customHeight="1" thickBot="1" x14ac:dyDescent="0.5">
      <c r="A1380" s="17"/>
      <c r="B1380" s="18"/>
      <c r="C1380" s="19" t="s">
        <v>152</v>
      </c>
      <c r="D1380" s="19" t="s">
        <v>122</v>
      </c>
      <c r="E1380" s="19" t="s">
        <v>206</v>
      </c>
      <c r="F1380" s="20">
        <v>90000</v>
      </c>
    </row>
    <row r="1381" spans="1:6" ht="27" customHeight="1" thickTop="1" x14ac:dyDescent="0.45">
      <c r="A1381" s="21"/>
      <c r="B1381" s="22"/>
      <c r="C1381" s="23" t="s">
        <v>116</v>
      </c>
      <c r="D1381" s="24"/>
      <c r="E1381" s="25" t="s">
        <v>281</v>
      </c>
      <c r="F1381" s="26">
        <v>275001100</v>
      </c>
    </row>
    <row r="1382" spans="1:6" ht="27" customHeight="1" x14ac:dyDescent="0.45">
      <c r="F1382" s="3"/>
    </row>
    <row r="1383" spans="1:6" ht="27" customHeight="1" x14ac:dyDescent="0.45">
      <c r="A1383" s="5" t="s">
        <v>2</v>
      </c>
      <c r="B1383" s="5" t="s">
        <v>107</v>
      </c>
      <c r="C1383" s="5" t="s">
        <v>108</v>
      </c>
      <c r="D1383" s="5" t="s">
        <v>109</v>
      </c>
      <c r="E1383" s="5" t="s">
        <v>110</v>
      </c>
      <c r="F1383" s="12" t="s">
        <v>5</v>
      </c>
    </row>
    <row r="1384" spans="1:6" ht="27" customHeight="1" x14ac:dyDescent="0.45">
      <c r="A1384" s="13">
        <v>50</v>
      </c>
      <c r="B1384" s="29" t="s">
        <v>55</v>
      </c>
      <c r="C1384" s="15" t="s">
        <v>121</v>
      </c>
      <c r="D1384" s="15" t="s">
        <v>122</v>
      </c>
      <c r="E1384" s="15" t="s">
        <v>226</v>
      </c>
      <c r="F1384" s="16">
        <v>111464000</v>
      </c>
    </row>
    <row r="1385" spans="1:6" ht="27" customHeight="1" x14ac:dyDescent="0.45">
      <c r="A1385" s="17"/>
      <c r="B1385" s="30"/>
      <c r="C1385" s="15" t="s">
        <v>121</v>
      </c>
      <c r="D1385" s="15" t="s">
        <v>159</v>
      </c>
      <c r="E1385" s="15" t="s">
        <v>283</v>
      </c>
      <c r="F1385" s="16">
        <v>95371000</v>
      </c>
    </row>
    <row r="1386" spans="1:6" ht="27" customHeight="1" x14ac:dyDescent="0.45">
      <c r="A1386" s="17"/>
      <c r="B1386" s="18"/>
      <c r="C1386" s="15" t="s">
        <v>121</v>
      </c>
      <c r="D1386" s="15" t="s">
        <v>204</v>
      </c>
      <c r="E1386" s="15" t="s">
        <v>240</v>
      </c>
      <c r="F1386" s="16">
        <v>47111000</v>
      </c>
    </row>
    <row r="1387" spans="1:6" ht="27" customHeight="1" thickBot="1" x14ac:dyDescent="0.5">
      <c r="A1387" s="17"/>
      <c r="B1387" s="18"/>
      <c r="C1387" s="19" t="s">
        <v>121</v>
      </c>
      <c r="D1387" s="19" t="s">
        <v>142</v>
      </c>
      <c r="E1387" s="19" t="s">
        <v>143</v>
      </c>
      <c r="F1387" s="20">
        <v>18572000</v>
      </c>
    </row>
    <row r="1388" spans="1:6" ht="27" customHeight="1" thickTop="1" x14ac:dyDescent="0.45">
      <c r="A1388" s="21"/>
      <c r="B1388" s="22"/>
      <c r="C1388" s="23" t="s">
        <v>116</v>
      </c>
      <c r="D1388" s="24"/>
      <c r="E1388" s="25" t="s">
        <v>117</v>
      </c>
      <c r="F1388" s="26">
        <v>272518000</v>
      </c>
    </row>
  </sheetData>
  <mergeCells count="29">
    <mergeCell ref="B675:B676"/>
    <mergeCell ref="B11:B12"/>
    <mergeCell ref="B15:B16"/>
    <mergeCell ref="B76:B78"/>
    <mergeCell ref="B97:B98"/>
    <mergeCell ref="B168:B169"/>
    <mergeCell ref="B178:B179"/>
    <mergeCell ref="B190:B191"/>
    <mergeCell ref="B277:B278"/>
    <mergeCell ref="B476:B477"/>
    <mergeCell ref="B561:B562"/>
    <mergeCell ref="B586:B589"/>
    <mergeCell ref="B1103:B1104"/>
    <mergeCell ref="B679:B680"/>
    <mergeCell ref="B699:B700"/>
    <mergeCell ref="B717:B718"/>
    <mergeCell ref="B764:B765"/>
    <mergeCell ref="B860:B861"/>
    <mergeCell ref="B873:B874"/>
    <mergeCell ref="B969:B971"/>
    <mergeCell ref="B975:B976"/>
    <mergeCell ref="B1025:B1026"/>
    <mergeCell ref="B1029:B1030"/>
    <mergeCell ref="B1075:B1076"/>
    <mergeCell ref="B1175:B1176"/>
    <mergeCell ref="B1263:B1264"/>
    <mergeCell ref="B1312:B1313"/>
    <mergeCell ref="B1350:B1351"/>
    <mergeCell ref="B1384:B1385"/>
  </mergeCells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79" orientation="portrait" r:id="rId1"/>
  <rowBreaks count="3" manualBreakCount="3">
    <brk id="37" max="16383" man="1"/>
    <brk id="73" max="5" man="1"/>
    <brk id="111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746"/>
  <sheetViews>
    <sheetView tabSelected="1" view="pageBreakPreview" zoomScaleNormal="100" zoomScaleSheetLayoutView="100" workbookViewId="0">
      <selection activeCell="F4" sqref="F4"/>
    </sheetView>
  </sheetViews>
  <sheetFormatPr defaultRowHeight="13.2" x14ac:dyDescent="0.45"/>
  <cols>
    <col min="1" max="1" width="4.8984375" style="2" customWidth="1"/>
    <col min="2" max="2" width="9.59765625" style="2" customWidth="1"/>
    <col min="3" max="3" width="26.59765625" style="2" customWidth="1"/>
    <col min="4" max="4" width="17.59765625" style="2" customWidth="1"/>
    <col min="5" max="5" width="25.59765625" style="2" customWidth="1"/>
    <col min="6" max="6" width="15" style="2" customWidth="1"/>
    <col min="7" max="16384" width="8.796875" style="2"/>
  </cols>
  <sheetData>
    <row r="1" spans="1:6" ht="21" x14ac:dyDescent="0.45">
      <c r="A1" s="10"/>
      <c r="F1" s="3"/>
    </row>
    <row r="2" spans="1:6" ht="27" customHeight="1" x14ac:dyDescent="0.45">
      <c r="A2" s="11" t="s">
        <v>56</v>
      </c>
      <c r="F2" s="3"/>
    </row>
    <row r="3" spans="1:6" ht="27" customHeight="1" x14ac:dyDescent="0.45">
      <c r="A3" s="5" t="s">
        <v>2</v>
      </c>
      <c r="B3" s="5" t="s">
        <v>107</v>
      </c>
      <c r="C3" s="5" t="s">
        <v>108</v>
      </c>
      <c r="D3" s="5" t="s">
        <v>109</v>
      </c>
      <c r="E3" s="5" t="s">
        <v>110</v>
      </c>
      <c r="F3" s="12" t="s">
        <v>5</v>
      </c>
    </row>
    <row r="4" spans="1:6" ht="27" customHeight="1" x14ac:dyDescent="0.45">
      <c r="A4" s="13">
        <v>1</v>
      </c>
      <c r="B4" s="29" t="s">
        <v>57</v>
      </c>
      <c r="C4" s="15" t="s">
        <v>284</v>
      </c>
      <c r="D4" s="15" t="s">
        <v>129</v>
      </c>
      <c r="E4" s="15" t="s">
        <v>148</v>
      </c>
      <c r="F4" s="16">
        <v>529676704562</v>
      </c>
    </row>
    <row r="5" spans="1:6" ht="27" customHeight="1" x14ac:dyDescent="0.45">
      <c r="A5" s="17"/>
      <c r="B5" s="30"/>
      <c r="C5" s="15" t="s">
        <v>284</v>
      </c>
      <c r="D5" s="15" t="s">
        <v>129</v>
      </c>
      <c r="E5" s="15" t="s">
        <v>148</v>
      </c>
      <c r="F5" s="16">
        <v>1535399846</v>
      </c>
    </row>
    <row r="6" spans="1:6" ht="27" customHeight="1" x14ac:dyDescent="0.45">
      <c r="A6" s="17"/>
      <c r="B6" s="18"/>
      <c r="C6" s="15" t="s">
        <v>284</v>
      </c>
      <c r="D6" s="15" t="s">
        <v>131</v>
      </c>
      <c r="E6" s="15" t="s">
        <v>224</v>
      </c>
      <c r="F6" s="16">
        <v>5194000</v>
      </c>
    </row>
    <row r="7" spans="1:6" ht="27" customHeight="1" thickBot="1" x14ac:dyDescent="0.5">
      <c r="A7" s="17"/>
      <c r="B7" s="18"/>
      <c r="C7" s="19" t="s">
        <v>285</v>
      </c>
      <c r="D7" s="19" t="s">
        <v>129</v>
      </c>
      <c r="E7" s="19" t="s">
        <v>148</v>
      </c>
      <c r="F7" s="20">
        <v>100000</v>
      </c>
    </row>
    <row r="8" spans="1:6" ht="27" customHeight="1" thickTop="1" x14ac:dyDescent="0.45">
      <c r="A8" s="21"/>
      <c r="B8" s="22"/>
      <c r="C8" s="23" t="s">
        <v>116</v>
      </c>
      <c r="D8" s="24"/>
      <c r="E8" s="25" t="s">
        <v>117</v>
      </c>
      <c r="F8" s="26">
        <v>531217398408</v>
      </c>
    </row>
    <row r="9" spans="1:6" ht="27" customHeight="1" x14ac:dyDescent="0.45">
      <c r="F9" s="3"/>
    </row>
    <row r="10" spans="1:6" ht="27" customHeight="1" x14ac:dyDescent="0.45">
      <c r="A10" s="5" t="s">
        <v>2</v>
      </c>
      <c r="B10" s="5" t="s">
        <v>107</v>
      </c>
      <c r="C10" s="5" t="s">
        <v>108</v>
      </c>
      <c r="D10" s="5" t="s">
        <v>109</v>
      </c>
      <c r="E10" s="5" t="s">
        <v>110</v>
      </c>
      <c r="F10" s="12" t="s">
        <v>5</v>
      </c>
    </row>
    <row r="11" spans="1:6" ht="27" customHeight="1" x14ac:dyDescent="0.45">
      <c r="A11" s="13">
        <v>2</v>
      </c>
      <c r="B11" s="29" t="s">
        <v>58</v>
      </c>
      <c r="C11" s="15" t="s">
        <v>285</v>
      </c>
      <c r="D11" s="15" t="s">
        <v>129</v>
      </c>
      <c r="E11" s="15" t="s">
        <v>148</v>
      </c>
      <c r="F11" s="16">
        <v>110270451646</v>
      </c>
    </row>
    <row r="12" spans="1:6" ht="27" customHeight="1" x14ac:dyDescent="0.45">
      <c r="A12" s="17"/>
      <c r="B12" s="30"/>
      <c r="C12" s="15" t="s">
        <v>285</v>
      </c>
      <c r="D12" s="15" t="s">
        <v>129</v>
      </c>
      <c r="E12" s="15" t="s">
        <v>148</v>
      </c>
      <c r="F12" s="16">
        <v>41463218065</v>
      </c>
    </row>
    <row r="13" spans="1:6" ht="27" customHeight="1" x14ac:dyDescent="0.45">
      <c r="A13" s="17"/>
      <c r="B13" s="18"/>
      <c r="C13" s="15" t="s">
        <v>285</v>
      </c>
      <c r="D13" s="15" t="s">
        <v>129</v>
      </c>
      <c r="E13" s="15" t="s">
        <v>148</v>
      </c>
      <c r="F13" s="16">
        <v>270155768</v>
      </c>
    </row>
    <row r="14" spans="1:6" ht="27" customHeight="1" thickBot="1" x14ac:dyDescent="0.5">
      <c r="A14" s="17"/>
      <c r="B14" s="18"/>
      <c r="C14" s="19" t="s">
        <v>285</v>
      </c>
      <c r="D14" s="19" t="s">
        <v>129</v>
      </c>
      <c r="E14" s="19" t="s">
        <v>148</v>
      </c>
      <c r="F14" s="20">
        <v>170450</v>
      </c>
    </row>
    <row r="15" spans="1:6" ht="27" customHeight="1" thickTop="1" x14ac:dyDescent="0.45">
      <c r="A15" s="21"/>
      <c r="B15" s="22"/>
      <c r="C15" s="23" t="s">
        <v>116</v>
      </c>
      <c r="D15" s="24"/>
      <c r="E15" s="25" t="s">
        <v>117</v>
      </c>
      <c r="F15" s="26">
        <v>152003995929</v>
      </c>
    </row>
    <row r="16" spans="1:6" ht="27" customHeight="1" x14ac:dyDescent="0.45">
      <c r="F16" s="3"/>
    </row>
    <row r="17" spans="1:6" ht="27" customHeight="1" x14ac:dyDescent="0.45">
      <c r="A17" s="5" t="s">
        <v>2</v>
      </c>
      <c r="B17" s="5" t="s">
        <v>107</v>
      </c>
      <c r="C17" s="5" t="s">
        <v>108</v>
      </c>
      <c r="D17" s="5" t="s">
        <v>109</v>
      </c>
      <c r="E17" s="5" t="s">
        <v>110</v>
      </c>
      <c r="F17" s="12" t="s">
        <v>5</v>
      </c>
    </row>
    <row r="18" spans="1:6" ht="27" customHeight="1" x14ac:dyDescent="0.45">
      <c r="A18" s="13">
        <v>3</v>
      </c>
      <c r="B18" s="29" t="s">
        <v>59</v>
      </c>
      <c r="C18" s="15" t="s">
        <v>285</v>
      </c>
      <c r="D18" s="15" t="s">
        <v>129</v>
      </c>
      <c r="E18" s="15" t="s">
        <v>148</v>
      </c>
      <c r="F18" s="16">
        <v>80055734000</v>
      </c>
    </row>
    <row r="19" spans="1:6" ht="27" customHeight="1" thickBot="1" x14ac:dyDescent="0.5">
      <c r="A19" s="17"/>
      <c r="B19" s="30"/>
      <c r="C19" s="19" t="s">
        <v>285</v>
      </c>
      <c r="D19" s="19" t="s">
        <v>129</v>
      </c>
      <c r="E19" s="19" t="s">
        <v>148</v>
      </c>
      <c r="F19" s="20">
        <v>6616203000</v>
      </c>
    </row>
    <row r="20" spans="1:6" ht="27" customHeight="1" thickTop="1" x14ac:dyDescent="0.45">
      <c r="A20" s="21"/>
      <c r="B20" s="22"/>
      <c r="C20" s="23" t="s">
        <v>116</v>
      </c>
      <c r="D20" s="24"/>
      <c r="E20" s="25" t="s">
        <v>236</v>
      </c>
      <c r="F20" s="26">
        <v>86671937000</v>
      </c>
    </row>
    <row r="21" spans="1:6" ht="27" customHeight="1" x14ac:dyDescent="0.45">
      <c r="F21" s="3"/>
    </row>
    <row r="22" spans="1:6" ht="27" customHeight="1" x14ac:dyDescent="0.45">
      <c r="A22" s="5" t="s">
        <v>2</v>
      </c>
      <c r="B22" s="5" t="s">
        <v>107</v>
      </c>
      <c r="C22" s="5" t="s">
        <v>108</v>
      </c>
      <c r="D22" s="5" t="s">
        <v>109</v>
      </c>
      <c r="E22" s="5" t="s">
        <v>110</v>
      </c>
      <c r="F22" s="12" t="s">
        <v>5</v>
      </c>
    </row>
    <row r="23" spans="1:6" ht="27" customHeight="1" x14ac:dyDescent="0.45">
      <c r="A23" s="13">
        <v>4</v>
      </c>
      <c r="B23" s="29" t="s">
        <v>60</v>
      </c>
      <c r="C23" s="15" t="s">
        <v>285</v>
      </c>
      <c r="D23" s="15" t="s">
        <v>129</v>
      </c>
      <c r="E23" s="15" t="s">
        <v>130</v>
      </c>
      <c r="F23" s="16">
        <v>9590261000</v>
      </c>
    </row>
    <row r="24" spans="1:6" ht="27" customHeight="1" x14ac:dyDescent="0.45">
      <c r="A24" s="17"/>
      <c r="B24" s="30"/>
      <c r="C24" s="15" t="s">
        <v>285</v>
      </c>
      <c r="D24" s="15" t="s">
        <v>129</v>
      </c>
      <c r="E24" s="15" t="s">
        <v>130</v>
      </c>
      <c r="F24" s="16">
        <v>1584994000</v>
      </c>
    </row>
    <row r="25" spans="1:6" ht="27" customHeight="1" x14ac:dyDescent="0.45">
      <c r="A25" s="17"/>
      <c r="B25" s="18"/>
      <c r="C25" s="15" t="s">
        <v>284</v>
      </c>
      <c r="D25" s="15" t="s">
        <v>129</v>
      </c>
      <c r="E25" s="15" t="s">
        <v>191</v>
      </c>
      <c r="F25" s="16">
        <v>305558000</v>
      </c>
    </row>
    <row r="26" spans="1:6" ht="27" customHeight="1" x14ac:dyDescent="0.45">
      <c r="A26" s="17"/>
      <c r="B26" s="18"/>
      <c r="C26" s="15" t="s">
        <v>285</v>
      </c>
      <c r="D26" s="15" t="s">
        <v>129</v>
      </c>
      <c r="E26" s="15" t="s">
        <v>130</v>
      </c>
      <c r="F26" s="16">
        <v>279812000</v>
      </c>
    </row>
    <row r="27" spans="1:6" ht="27" customHeight="1" x14ac:dyDescent="0.45">
      <c r="A27" s="17"/>
      <c r="B27" s="18"/>
      <c r="C27" s="15" t="s">
        <v>285</v>
      </c>
      <c r="D27" s="15" t="s">
        <v>129</v>
      </c>
      <c r="E27" s="15" t="s">
        <v>130</v>
      </c>
      <c r="F27" s="16">
        <v>96195801</v>
      </c>
    </row>
    <row r="28" spans="1:6" ht="27" customHeight="1" x14ac:dyDescent="0.45">
      <c r="A28" s="17"/>
      <c r="B28" s="18"/>
      <c r="C28" s="15" t="s">
        <v>285</v>
      </c>
      <c r="D28" s="15" t="s">
        <v>129</v>
      </c>
      <c r="E28" s="15" t="s">
        <v>130</v>
      </c>
      <c r="F28" s="16">
        <v>79639000</v>
      </c>
    </row>
    <row r="29" spans="1:6" ht="27" customHeight="1" x14ac:dyDescent="0.45">
      <c r="A29" s="17"/>
      <c r="B29" s="18"/>
      <c r="C29" s="15" t="s">
        <v>285</v>
      </c>
      <c r="D29" s="15" t="s">
        <v>129</v>
      </c>
      <c r="E29" s="15" t="s">
        <v>130</v>
      </c>
      <c r="F29" s="16">
        <v>70098000</v>
      </c>
    </row>
    <row r="30" spans="1:6" ht="27" customHeight="1" x14ac:dyDescent="0.45">
      <c r="A30" s="17"/>
      <c r="B30" s="18"/>
      <c r="C30" s="15" t="s">
        <v>284</v>
      </c>
      <c r="D30" s="15" t="s">
        <v>129</v>
      </c>
      <c r="E30" s="15" t="s">
        <v>191</v>
      </c>
      <c r="F30" s="16">
        <v>65957000</v>
      </c>
    </row>
    <row r="31" spans="1:6" ht="27" customHeight="1" x14ac:dyDescent="0.45">
      <c r="A31" s="17"/>
      <c r="B31" s="18"/>
      <c r="C31" s="15" t="s">
        <v>284</v>
      </c>
      <c r="D31" s="15" t="s">
        <v>129</v>
      </c>
      <c r="E31" s="15" t="s">
        <v>191</v>
      </c>
      <c r="F31" s="16">
        <v>46443000</v>
      </c>
    </row>
    <row r="32" spans="1:6" ht="27" customHeight="1" x14ac:dyDescent="0.45">
      <c r="A32" s="17"/>
      <c r="B32" s="18"/>
      <c r="C32" s="15" t="s">
        <v>284</v>
      </c>
      <c r="D32" s="15" t="s">
        <v>129</v>
      </c>
      <c r="E32" s="15" t="s">
        <v>191</v>
      </c>
      <c r="F32" s="16">
        <v>45274000</v>
      </c>
    </row>
    <row r="33" spans="1:6" ht="27" customHeight="1" x14ac:dyDescent="0.45">
      <c r="A33" s="17"/>
      <c r="B33" s="18"/>
      <c r="C33" s="15" t="s">
        <v>284</v>
      </c>
      <c r="D33" s="15" t="s">
        <v>129</v>
      </c>
      <c r="E33" s="15" t="s">
        <v>191</v>
      </c>
      <c r="F33" s="16">
        <v>39816000</v>
      </c>
    </row>
    <row r="34" spans="1:6" ht="27" customHeight="1" x14ac:dyDescent="0.45">
      <c r="A34" s="17"/>
      <c r="B34" s="18"/>
      <c r="C34" s="15" t="s">
        <v>284</v>
      </c>
      <c r="D34" s="15" t="s">
        <v>129</v>
      </c>
      <c r="E34" s="15" t="s">
        <v>191</v>
      </c>
      <c r="F34" s="16">
        <v>33310000</v>
      </c>
    </row>
    <row r="35" spans="1:6" ht="27" customHeight="1" x14ac:dyDescent="0.45">
      <c r="A35" s="17"/>
      <c r="B35" s="18"/>
      <c r="C35" s="15" t="s">
        <v>285</v>
      </c>
      <c r="D35" s="15" t="s">
        <v>129</v>
      </c>
      <c r="E35" s="15" t="s">
        <v>130</v>
      </c>
      <c r="F35" s="16">
        <v>22988000</v>
      </c>
    </row>
    <row r="36" spans="1:6" ht="27" customHeight="1" x14ac:dyDescent="0.45">
      <c r="A36" s="17"/>
      <c r="B36" s="18"/>
      <c r="C36" s="15" t="s">
        <v>284</v>
      </c>
      <c r="D36" s="15" t="s">
        <v>129</v>
      </c>
      <c r="E36" s="15" t="s">
        <v>191</v>
      </c>
      <c r="F36" s="16">
        <v>20828000</v>
      </c>
    </row>
    <row r="37" spans="1:6" ht="27" customHeight="1" x14ac:dyDescent="0.45">
      <c r="A37" s="21"/>
      <c r="B37" s="22"/>
      <c r="C37" s="15" t="s">
        <v>284</v>
      </c>
      <c r="D37" s="15" t="s">
        <v>129</v>
      </c>
      <c r="E37" s="15" t="s">
        <v>191</v>
      </c>
      <c r="F37" s="16">
        <v>19836000</v>
      </c>
    </row>
    <row r="38" spans="1:6" ht="27" customHeight="1" x14ac:dyDescent="0.45">
      <c r="A38" s="31"/>
      <c r="B38" s="14"/>
      <c r="C38" s="15" t="s">
        <v>285</v>
      </c>
      <c r="D38" s="15" t="s">
        <v>126</v>
      </c>
      <c r="E38" s="15" t="s">
        <v>286</v>
      </c>
      <c r="F38" s="16">
        <v>15701126</v>
      </c>
    </row>
    <row r="39" spans="1:6" ht="27" customHeight="1" x14ac:dyDescent="0.45">
      <c r="A39" s="17"/>
      <c r="B39" s="18"/>
      <c r="C39" s="15" t="s">
        <v>284</v>
      </c>
      <c r="D39" s="15" t="s">
        <v>129</v>
      </c>
      <c r="E39" s="15" t="s">
        <v>191</v>
      </c>
      <c r="F39" s="16">
        <v>14162000</v>
      </c>
    </row>
    <row r="40" spans="1:6" ht="27" customHeight="1" x14ac:dyDescent="0.45">
      <c r="A40" s="17"/>
      <c r="B40" s="18"/>
      <c r="C40" s="15" t="s">
        <v>284</v>
      </c>
      <c r="D40" s="15" t="s">
        <v>129</v>
      </c>
      <c r="E40" s="15" t="s">
        <v>138</v>
      </c>
      <c r="F40" s="16">
        <v>11978000</v>
      </c>
    </row>
    <row r="41" spans="1:6" ht="27" customHeight="1" x14ac:dyDescent="0.45">
      <c r="A41" s="17"/>
      <c r="B41" s="18"/>
      <c r="C41" s="15" t="s">
        <v>284</v>
      </c>
      <c r="D41" s="15" t="s">
        <v>129</v>
      </c>
      <c r="E41" s="15" t="s">
        <v>191</v>
      </c>
      <c r="F41" s="16">
        <v>9563000</v>
      </c>
    </row>
    <row r="42" spans="1:6" ht="27" customHeight="1" x14ac:dyDescent="0.45">
      <c r="A42" s="17"/>
      <c r="B42" s="18"/>
      <c r="C42" s="15" t="s">
        <v>284</v>
      </c>
      <c r="D42" s="15" t="s">
        <v>129</v>
      </c>
      <c r="E42" s="15" t="s">
        <v>191</v>
      </c>
      <c r="F42" s="16">
        <v>9187000</v>
      </c>
    </row>
    <row r="43" spans="1:6" ht="27" customHeight="1" x14ac:dyDescent="0.45">
      <c r="A43" s="17"/>
      <c r="B43" s="18"/>
      <c r="C43" s="15" t="s">
        <v>284</v>
      </c>
      <c r="D43" s="15" t="s">
        <v>129</v>
      </c>
      <c r="E43" s="15" t="s">
        <v>137</v>
      </c>
      <c r="F43" s="16">
        <v>8950000</v>
      </c>
    </row>
    <row r="44" spans="1:6" ht="27" customHeight="1" x14ac:dyDescent="0.45">
      <c r="A44" s="17"/>
      <c r="B44" s="18"/>
      <c r="C44" s="15" t="s">
        <v>284</v>
      </c>
      <c r="D44" s="15" t="s">
        <v>129</v>
      </c>
      <c r="E44" s="15" t="s">
        <v>137</v>
      </c>
      <c r="F44" s="16">
        <v>8024000</v>
      </c>
    </row>
    <row r="45" spans="1:6" ht="27" customHeight="1" x14ac:dyDescent="0.45">
      <c r="A45" s="17"/>
      <c r="B45" s="18"/>
      <c r="C45" s="15" t="s">
        <v>285</v>
      </c>
      <c r="D45" s="15" t="s">
        <v>129</v>
      </c>
      <c r="E45" s="15" t="s">
        <v>130</v>
      </c>
      <c r="F45" s="16">
        <v>7945000</v>
      </c>
    </row>
    <row r="46" spans="1:6" ht="27" customHeight="1" x14ac:dyDescent="0.45">
      <c r="A46" s="17"/>
      <c r="B46" s="18"/>
      <c r="C46" s="15" t="s">
        <v>285</v>
      </c>
      <c r="D46" s="15" t="s">
        <v>129</v>
      </c>
      <c r="E46" s="15" t="s">
        <v>130</v>
      </c>
      <c r="F46" s="16">
        <v>7810000</v>
      </c>
    </row>
    <row r="47" spans="1:6" ht="27" customHeight="1" x14ac:dyDescent="0.45">
      <c r="A47" s="17"/>
      <c r="B47" s="18"/>
      <c r="C47" s="15" t="s">
        <v>284</v>
      </c>
      <c r="D47" s="15" t="s">
        <v>129</v>
      </c>
      <c r="E47" s="15" t="s">
        <v>191</v>
      </c>
      <c r="F47" s="16">
        <v>7171000</v>
      </c>
    </row>
    <row r="48" spans="1:6" ht="27" customHeight="1" x14ac:dyDescent="0.45">
      <c r="A48" s="17"/>
      <c r="B48" s="18"/>
      <c r="C48" s="15" t="s">
        <v>284</v>
      </c>
      <c r="D48" s="15" t="s">
        <v>129</v>
      </c>
      <c r="E48" s="15" t="s">
        <v>191</v>
      </c>
      <c r="F48" s="16">
        <v>4814000</v>
      </c>
    </row>
    <row r="49" spans="1:6" ht="27" customHeight="1" x14ac:dyDescent="0.45">
      <c r="A49" s="17"/>
      <c r="B49" s="18"/>
      <c r="C49" s="15" t="s">
        <v>284</v>
      </c>
      <c r="D49" s="15" t="s">
        <v>129</v>
      </c>
      <c r="E49" s="15" t="s">
        <v>191</v>
      </c>
      <c r="F49" s="16">
        <v>3535000</v>
      </c>
    </row>
    <row r="50" spans="1:6" ht="27" customHeight="1" x14ac:dyDescent="0.45">
      <c r="A50" s="17"/>
      <c r="B50" s="18"/>
      <c r="C50" s="15" t="s">
        <v>284</v>
      </c>
      <c r="D50" s="15" t="s">
        <v>129</v>
      </c>
      <c r="E50" s="15" t="s">
        <v>191</v>
      </c>
      <c r="F50" s="16">
        <v>2980000</v>
      </c>
    </row>
    <row r="51" spans="1:6" ht="27" customHeight="1" x14ac:dyDescent="0.45">
      <c r="A51" s="17"/>
      <c r="B51" s="18"/>
      <c r="C51" s="15" t="s">
        <v>284</v>
      </c>
      <c r="D51" s="15" t="s">
        <v>129</v>
      </c>
      <c r="E51" s="15" t="s">
        <v>191</v>
      </c>
      <c r="F51" s="16">
        <v>2766000</v>
      </c>
    </row>
    <row r="52" spans="1:6" ht="27" customHeight="1" x14ac:dyDescent="0.45">
      <c r="A52" s="17"/>
      <c r="B52" s="18"/>
      <c r="C52" s="15" t="s">
        <v>284</v>
      </c>
      <c r="D52" s="15" t="s">
        <v>129</v>
      </c>
      <c r="E52" s="15" t="s">
        <v>191</v>
      </c>
      <c r="F52" s="16">
        <v>2178000</v>
      </c>
    </row>
    <row r="53" spans="1:6" ht="27" customHeight="1" x14ac:dyDescent="0.45">
      <c r="A53" s="17"/>
      <c r="B53" s="18"/>
      <c r="C53" s="15" t="s">
        <v>284</v>
      </c>
      <c r="D53" s="15" t="s">
        <v>129</v>
      </c>
      <c r="E53" s="15" t="s">
        <v>137</v>
      </c>
      <c r="F53" s="16">
        <v>2000000</v>
      </c>
    </row>
    <row r="54" spans="1:6" ht="27" customHeight="1" x14ac:dyDescent="0.45">
      <c r="A54" s="17"/>
      <c r="B54" s="18"/>
      <c r="C54" s="15" t="s">
        <v>284</v>
      </c>
      <c r="D54" s="15" t="s">
        <v>129</v>
      </c>
      <c r="E54" s="15" t="s">
        <v>137</v>
      </c>
      <c r="F54" s="16">
        <v>1503000</v>
      </c>
    </row>
    <row r="55" spans="1:6" ht="27" customHeight="1" x14ac:dyDescent="0.45">
      <c r="A55" s="17"/>
      <c r="B55" s="18"/>
      <c r="C55" s="15" t="s">
        <v>284</v>
      </c>
      <c r="D55" s="15" t="s">
        <v>129</v>
      </c>
      <c r="E55" s="15" t="s">
        <v>137</v>
      </c>
      <c r="F55" s="16">
        <v>1175000</v>
      </c>
    </row>
    <row r="56" spans="1:6" ht="27" customHeight="1" x14ac:dyDescent="0.45">
      <c r="A56" s="17"/>
      <c r="B56" s="18"/>
      <c r="C56" s="15" t="s">
        <v>284</v>
      </c>
      <c r="D56" s="15" t="s">
        <v>129</v>
      </c>
      <c r="E56" s="15" t="s">
        <v>191</v>
      </c>
      <c r="F56" s="16">
        <v>997000</v>
      </c>
    </row>
    <row r="57" spans="1:6" ht="27" customHeight="1" x14ac:dyDescent="0.45">
      <c r="A57" s="17"/>
      <c r="B57" s="18"/>
      <c r="C57" s="15" t="s">
        <v>284</v>
      </c>
      <c r="D57" s="15" t="s">
        <v>129</v>
      </c>
      <c r="E57" s="15" t="s">
        <v>191</v>
      </c>
      <c r="F57" s="16">
        <v>899000</v>
      </c>
    </row>
    <row r="58" spans="1:6" ht="27" customHeight="1" x14ac:dyDescent="0.45">
      <c r="A58" s="17"/>
      <c r="B58" s="18"/>
      <c r="C58" s="15" t="s">
        <v>284</v>
      </c>
      <c r="D58" s="15" t="s">
        <v>129</v>
      </c>
      <c r="E58" s="15" t="s">
        <v>137</v>
      </c>
      <c r="F58" s="16">
        <v>799000</v>
      </c>
    </row>
    <row r="59" spans="1:6" ht="27" customHeight="1" x14ac:dyDescent="0.45">
      <c r="A59" s="17"/>
      <c r="B59" s="18"/>
      <c r="C59" s="15" t="s">
        <v>284</v>
      </c>
      <c r="D59" s="15" t="s">
        <v>129</v>
      </c>
      <c r="E59" s="15" t="s">
        <v>191</v>
      </c>
      <c r="F59" s="16">
        <v>745000</v>
      </c>
    </row>
    <row r="60" spans="1:6" ht="27" customHeight="1" x14ac:dyDescent="0.45">
      <c r="A60" s="17"/>
      <c r="B60" s="18"/>
      <c r="C60" s="15" t="s">
        <v>284</v>
      </c>
      <c r="D60" s="15" t="s">
        <v>129</v>
      </c>
      <c r="E60" s="15" t="s">
        <v>191</v>
      </c>
      <c r="F60" s="16">
        <v>718000</v>
      </c>
    </row>
    <row r="61" spans="1:6" ht="27" customHeight="1" x14ac:dyDescent="0.45">
      <c r="A61" s="17"/>
      <c r="B61" s="18"/>
      <c r="C61" s="15" t="s">
        <v>284</v>
      </c>
      <c r="D61" s="15" t="s">
        <v>129</v>
      </c>
      <c r="E61" s="15" t="s">
        <v>191</v>
      </c>
      <c r="F61" s="16">
        <v>638000</v>
      </c>
    </row>
    <row r="62" spans="1:6" ht="27" customHeight="1" x14ac:dyDescent="0.45">
      <c r="A62" s="17"/>
      <c r="B62" s="18"/>
      <c r="C62" s="15" t="s">
        <v>284</v>
      </c>
      <c r="D62" s="15" t="s">
        <v>129</v>
      </c>
      <c r="E62" s="15" t="s">
        <v>191</v>
      </c>
      <c r="F62" s="16">
        <v>614000</v>
      </c>
    </row>
    <row r="63" spans="1:6" ht="27" customHeight="1" x14ac:dyDescent="0.45">
      <c r="A63" s="17"/>
      <c r="B63" s="18"/>
      <c r="C63" s="15" t="s">
        <v>284</v>
      </c>
      <c r="D63" s="15" t="s">
        <v>129</v>
      </c>
      <c r="E63" s="15" t="s">
        <v>137</v>
      </c>
      <c r="F63" s="16">
        <v>576000</v>
      </c>
    </row>
    <row r="64" spans="1:6" ht="27" customHeight="1" x14ac:dyDescent="0.45">
      <c r="A64" s="17"/>
      <c r="B64" s="18"/>
      <c r="C64" s="15" t="s">
        <v>284</v>
      </c>
      <c r="D64" s="15" t="s">
        <v>129</v>
      </c>
      <c r="E64" s="15" t="s">
        <v>191</v>
      </c>
      <c r="F64" s="16">
        <v>570000</v>
      </c>
    </row>
    <row r="65" spans="1:6" ht="27" customHeight="1" x14ac:dyDescent="0.45">
      <c r="A65" s="17"/>
      <c r="B65" s="18"/>
      <c r="C65" s="15" t="s">
        <v>284</v>
      </c>
      <c r="D65" s="15" t="s">
        <v>129</v>
      </c>
      <c r="E65" s="15" t="s">
        <v>191</v>
      </c>
      <c r="F65" s="16">
        <v>549000</v>
      </c>
    </row>
    <row r="66" spans="1:6" ht="27" customHeight="1" x14ac:dyDescent="0.45">
      <c r="A66" s="17"/>
      <c r="B66" s="18"/>
      <c r="C66" s="15" t="s">
        <v>284</v>
      </c>
      <c r="D66" s="15" t="s">
        <v>129</v>
      </c>
      <c r="E66" s="15" t="s">
        <v>191</v>
      </c>
      <c r="F66" s="16">
        <v>549000</v>
      </c>
    </row>
    <row r="67" spans="1:6" ht="27" customHeight="1" x14ac:dyDescent="0.45">
      <c r="A67" s="17"/>
      <c r="B67" s="18"/>
      <c r="C67" s="15" t="s">
        <v>284</v>
      </c>
      <c r="D67" s="15" t="s">
        <v>129</v>
      </c>
      <c r="E67" s="15" t="s">
        <v>137</v>
      </c>
      <c r="F67" s="16">
        <v>530000</v>
      </c>
    </row>
    <row r="68" spans="1:6" ht="27" customHeight="1" x14ac:dyDescent="0.45">
      <c r="A68" s="17"/>
      <c r="B68" s="18"/>
      <c r="C68" s="32" t="s">
        <v>285</v>
      </c>
      <c r="D68" s="15" t="s">
        <v>126</v>
      </c>
      <c r="E68" s="15" t="s">
        <v>286</v>
      </c>
      <c r="F68" s="16">
        <v>509259</v>
      </c>
    </row>
    <row r="69" spans="1:6" ht="27" customHeight="1" x14ac:dyDescent="0.45">
      <c r="A69" s="17"/>
      <c r="B69" s="18"/>
      <c r="C69" s="32" t="s">
        <v>284</v>
      </c>
      <c r="D69" s="15" t="s">
        <v>129</v>
      </c>
      <c r="E69" s="15" t="s">
        <v>191</v>
      </c>
      <c r="F69" s="16">
        <v>469000</v>
      </c>
    </row>
    <row r="70" spans="1:6" ht="27" customHeight="1" x14ac:dyDescent="0.45">
      <c r="A70" s="17"/>
      <c r="B70" s="18"/>
      <c r="C70" s="15" t="s">
        <v>284</v>
      </c>
      <c r="D70" s="15" t="s">
        <v>129</v>
      </c>
      <c r="E70" s="15" t="s">
        <v>137</v>
      </c>
      <c r="F70" s="16">
        <v>422000</v>
      </c>
    </row>
    <row r="71" spans="1:6" ht="27" customHeight="1" x14ac:dyDescent="0.45">
      <c r="A71" s="17"/>
      <c r="B71" s="18"/>
      <c r="C71" s="15" t="s">
        <v>284</v>
      </c>
      <c r="D71" s="15" t="s">
        <v>129</v>
      </c>
      <c r="E71" s="15" t="s">
        <v>191</v>
      </c>
      <c r="F71" s="16">
        <v>418000</v>
      </c>
    </row>
    <row r="72" spans="1:6" ht="27" customHeight="1" x14ac:dyDescent="0.45">
      <c r="A72" s="17"/>
      <c r="B72" s="18"/>
      <c r="C72" s="15" t="s">
        <v>284</v>
      </c>
      <c r="D72" s="15" t="s">
        <v>129</v>
      </c>
      <c r="E72" s="15" t="s">
        <v>137</v>
      </c>
      <c r="F72" s="16">
        <v>388000</v>
      </c>
    </row>
    <row r="73" spans="1:6" ht="27" customHeight="1" x14ac:dyDescent="0.45">
      <c r="A73" s="17"/>
      <c r="B73" s="18"/>
      <c r="C73" s="15" t="s">
        <v>284</v>
      </c>
      <c r="D73" s="15" t="s">
        <v>129</v>
      </c>
      <c r="E73" s="15" t="s">
        <v>137</v>
      </c>
      <c r="F73" s="16">
        <v>362000</v>
      </c>
    </row>
    <row r="74" spans="1:6" ht="27" customHeight="1" x14ac:dyDescent="0.45">
      <c r="A74" s="21"/>
      <c r="B74" s="22"/>
      <c r="C74" s="32" t="s">
        <v>284</v>
      </c>
      <c r="D74" s="15" t="s">
        <v>129</v>
      </c>
      <c r="E74" s="15" t="s">
        <v>191</v>
      </c>
      <c r="F74" s="16">
        <v>281000</v>
      </c>
    </row>
    <row r="75" spans="1:6" ht="27" customHeight="1" x14ac:dyDescent="0.45">
      <c r="A75" s="31"/>
      <c r="B75" s="14"/>
      <c r="C75" s="32" t="s">
        <v>284</v>
      </c>
      <c r="D75" s="15" t="s">
        <v>129</v>
      </c>
      <c r="E75" s="15" t="s">
        <v>137</v>
      </c>
      <c r="F75" s="16">
        <v>248000</v>
      </c>
    </row>
    <row r="76" spans="1:6" ht="27" customHeight="1" x14ac:dyDescent="0.45">
      <c r="A76" s="17"/>
      <c r="B76" s="18"/>
      <c r="C76" s="15" t="s">
        <v>284</v>
      </c>
      <c r="D76" s="15" t="s">
        <v>129</v>
      </c>
      <c r="E76" s="15" t="s">
        <v>138</v>
      </c>
      <c r="F76" s="16">
        <v>162428</v>
      </c>
    </row>
    <row r="77" spans="1:6" ht="27" customHeight="1" x14ac:dyDescent="0.45">
      <c r="A77" s="17"/>
      <c r="B77" s="18"/>
      <c r="C77" s="15" t="s">
        <v>284</v>
      </c>
      <c r="D77" s="15" t="s">
        <v>129</v>
      </c>
      <c r="E77" s="15" t="s">
        <v>191</v>
      </c>
      <c r="F77" s="16">
        <v>94000</v>
      </c>
    </row>
    <row r="78" spans="1:6" ht="27" customHeight="1" x14ac:dyDescent="0.45">
      <c r="A78" s="17"/>
      <c r="B78" s="18"/>
      <c r="C78" s="15" t="s">
        <v>284</v>
      </c>
      <c r="D78" s="15" t="s">
        <v>159</v>
      </c>
      <c r="E78" s="15" t="s">
        <v>160</v>
      </c>
      <c r="F78" s="16">
        <v>24679</v>
      </c>
    </row>
    <row r="79" spans="1:6" ht="27" customHeight="1" x14ac:dyDescent="0.45">
      <c r="A79" s="17"/>
      <c r="B79" s="18"/>
      <c r="C79" s="15" t="s">
        <v>284</v>
      </c>
      <c r="D79" s="15" t="s">
        <v>159</v>
      </c>
      <c r="E79" s="15" t="s">
        <v>160</v>
      </c>
      <c r="F79" s="16">
        <v>5365</v>
      </c>
    </row>
    <row r="80" spans="1:6" ht="27" customHeight="1" x14ac:dyDescent="0.45">
      <c r="A80" s="17"/>
      <c r="B80" s="18"/>
      <c r="C80" s="15" t="s">
        <v>287</v>
      </c>
      <c r="D80" s="15" t="s">
        <v>131</v>
      </c>
      <c r="E80" s="15" t="s">
        <v>288</v>
      </c>
      <c r="F80" s="16">
        <v>4000</v>
      </c>
    </row>
    <row r="81" spans="1:6" ht="27" customHeight="1" x14ac:dyDescent="0.45">
      <c r="A81" s="17"/>
      <c r="B81" s="18"/>
      <c r="C81" s="15" t="s">
        <v>284</v>
      </c>
      <c r="D81" s="15" t="s">
        <v>159</v>
      </c>
      <c r="E81" s="15" t="s">
        <v>160</v>
      </c>
      <c r="F81" s="16">
        <v>3219</v>
      </c>
    </row>
    <row r="82" spans="1:6" ht="27" customHeight="1" thickBot="1" x14ac:dyDescent="0.5">
      <c r="A82" s="17"/>
      <c r="B82" s="18"/>
      <c r="C82" s="19" t="s">
        <v>284</v>
      </c>
      <c r="D82" s="19" t="s">
        <v>159</v>
      </c>
      <c r="E82" s="19" t="s">
        <v>160</v>
      </c>
      <c r="F82" s="20">
        <v>2787</v>
      </c>
    </row>
    <row r="83" spans="1:6" ht="27" customHeight="1" thickTop="1" x14ac:dyDescent="0.45">
      <c r="A83" s="21"/>
      <c r="B83" s="22"/>
      <c r="C83" s="23" t="s">
        <v>116</v>
      </c>
      <c r="D83" s="24"/>
      <c r="E83" s="25" t="s">
        <v>289</v>
      </c>
      <c r="F83" s="26">
        <v>12434029664</v>
      </c>
    </row>
    <row r="84" spans="1:6" ht="27" customHeight="1" x14ac:dyDescent="0.45">
      <c r="F84" s="3"/>
    </row>
    <row r="85" spans="1:6" ht="27" customHeight="1" x14ac:dyDescent="0.45">
      <c r="A85" s="5" t="s">
        <v>2</v>
      </c>
      <c r="B85" s="5" t="s">
        <v>107</v>
      </c>
      <c r="C85" s="5" t="s">
        <v>108</v>
      </c>
      <c r="D85" s="5" t="s">
        <v>109</v>
      </c>
      <c r="E85" s="5" t="s">
        <v>110</v>
      </c>
      <c r="F85" s="12" t="s">
        <v>5</v>
      </c>
    </row>
    <row r="86" spans="1:6" ht="27" customHeight="1" x14ac:dyDescent="0.45">
      <c r="A86" s="13">
        <v>5</v>
      </c>
      <c r="B86" s="29" t="s">
        <v>61</v>
      </c>
      <c r="C86" s="15" t="s">
        <v>284</v>
      </c>
      <c r="D86" s="15" t="s">
        <v>112</v>
      </c>
      <c r="E86" s="15" t="s">
        <v>290</v>
      </c>
      <c r="F86" s="16">
        <v>2926489016</v>
      </c>
    </row>
    <row r="87" spans="1:6" ht="27" customHeight="1" x14ac:dyDescent="0.45">
      <c r="A87" s="17"/>
      <c r="B87" s="30"/>
      <c r="C87" s="15" t="s">
        <v>284</v>
      </c>
      <c r="D87" s="15" t="s">
        <v>112</v>
      </c>
      <c r="E87" s="15" t="s">
        <v>290</v>
      </c>
      <c r="F87" s="16">
        <v>81868058</v>
      </c>
    </row>
    <row r="88" spans="1:6" ht="27" customHeight="1" thickBot="1" x14ac:dyDescent="0.5">
      <c r="A88" s="17"/>
      <c r="B88" s="30"/>
      <c r="C88" s="19" t="s">
        <v>284</v>
      </c>
      <c r="D88" s="19" t="s">
        <v>112</v>
      </c>
      <c r="E88" s="19" t="s">
        <v>290</v>
      </c>
      <c r="F88" s="20">
        <v>55986776</v>
      </c>
    </row>
    <row r="89" spans="1:6" ht="27" customHeight="1" thickTop="1" x14ac:dyDescent="0.45">
      <c r="A89" s="21"/>
      <c r="B89" s="22"/>
      <c r="C89" s="23" t="s">
        <v>116</v>
      </c>
      <c r="D89" s="24"/>
      <c r="E89" s="25" t="s">
        <v>192</v>
      </c>
      <c r="F89" s="26">
        <v>3064343850</v>
      </c>
    </row>
    <row r="90" spans="1:6" ht="27" customHeight="1" x14ac:dyDescent="0.45">
      <c r="F90" s="3"/>
    </row>
    <row r="91" spans="1:6" ht="27" customHeight="1" x14ac:dyDescent="0.45">
      <c r="A91" s="5" t="s">
        <v>2</v>
      </c>
      <c r="B91" s="5" t="s">
        <v>107</v>
      </c>
      <c r="C91" s="5" t="s">
        <v>108</v>
      </c>
      <c r="D91" s="5" t="s">
        <v>109</v>
      </c>
      <c r="E91" s="5" t="s">
        <v>110</v>
      </c>
      <c r="F91" s="12" t="s">
        <v>5</v>
      </c>
    </row>
    <row r="92" spans="1:6" ht="27" customHeight="1" x14ac:dyDescent="0.45">
      <c r="A92" s="13">
        <v>6</v>
      </c>
      <c r="B92" s="29" t="s">
        <v>62</v>
      </c>
      <c r="C92" s="15" t="s">
        <v>284</v>
      </c>
      <c r="D92" s="15" t="s">
        <v>129</v>
      </c>
      <c r="E92" s="15" t="s">
        <v>137</v>
      </c>
      <c r="F92" s="16">
        <v>2462904964</v>
      </c>
    </row>
    <row r="93" spans="1:6" ht="27" customHeight="1" x14ac:dyDescent="0.45">
      <c r="A93" s="17"/>
      <c r="B93" s="30"/>
      <c r="C93" s="15" t="s">
        <v>284</v>
      </c>
      <c r="D93" s="15" t="s">
        <v>129</v>
      </c>
      <c r="E93" s="15" t="s">
        <v>137</v>
      </c>
      <c r="F93" s="16">
        <v>34888100</v>
      </c>
    </row>
    <row r="94" spans="1:6" ht="27" customHeight="1" x14ac:dyDescent="0.45">
      <c r="A94" s="17"/>
      <c r="B94" s="18"/>
      <c r="C94" s="15" t="s">
        <v>284</v>
      </c>
      <c r="D94" s="15" t="s">
        <v>129</v>
      </c>
      <c r="E94" s="15" t="s">
        <v>137</v>
      </c>
      <c r="F94" s="16">
        <v>20661966</v>
      </c>
    </row>
    <row r="95" spans="1:6" ht="27" customHeight="1" x14ac:dyDescent="0.45">
      <c r="A95" s="17"/>
      <c r="B95" s="18"/>
      <c r="C95" s="15" t="s">
        <v>285</v>
      </c>
      <c r="D95" s="15" t="s">
        <v>131</v>
      </c>
      <c r="E95" s="15" t="s">
        <v>146</v>
      </c>
      <c r="F95" s="16">
        <v>535800</v>
      </c>
    </row>
    <row r="96" spans="1:6" ht="27" customHeight="1" x14ac:dyDescent="0.45">
      <c r="A96" s="17"/>
      <c r="B96" s="18"/>
      <c r="C96" s="15" t="s">
        <v>285</v>
      </c>
      <c r="D96" s="15" t="s">
        <v>131</v>
      </c>
      <c r="E96" s="15" t="s">
        <v>146</v>
      </c>
      <c r="F96" s="16">
        <v>535800</v>
      </c>
    </row>
    <row r="97" spans="1:6" ht="27" customHeight="1" x14ac:dyDescent="0.45">
      <c r="A97" s="17"/>
      <c r="B97" s="18"/>
      <c r="C97" s="15" t="s">
        <v>285</v>
      </c>
      <c r="D97" s="15" t="s">
        <v>129</v>
      </c>
      <c r="E97" s="15" t="s">
        <v>137</v>
      </c>
      <c r="F97" s="16">
        <v>535800</v>
      </c>
    </row>
    <row r="98" spans="1:6" ht="27" customHeight="1" x14ac:dyDescent="0.45">
      <c r="A98" s="17"/>
      <c r="B98" s="18"/>
      <c r="C98" s="15" t="s">
        <v>285</v>
      </c>
      <c r="D98" s="15" t="s">
        <v>129</v>
      </c>
      <c r="E98" s="15" t="s">
        <v>137</v>
      </c>
      <c r="F98" s="16">
        <v>535800</v>
      </c>
    </row>
    <row r="99" spans="1:6" ht="27" customHeight="1" x14ac:dyDescent="0.45">
      <c r="A99" s="17"/>
      <c r="B99" s="18"/>
      <c r="C99" s="15" t="s">
        <v>285</v>
      </c>
      <c r="D99" s="15" t="s">
        <v>131</v>
      </c>
      <c r="E99" s="15" t="s">
        <v>146</v>
      </c>
      <c r="F99" s="16">
        <v>282000</v>
      </c>
    </row>
    <row r="100" spans="1:6" ht="27" customHeight="1" x14ac:dyDescent="0.45">
      <c r="A100" s="17"/>
      <c r="B100" s="18"/>
      <c r="C100" s="15" t="s">
        <v>285</v>
      </c>
      <c r="D100" s="15" t="s">
        <v>129</v>
      </c>
      <c r="E100" s="15" t="s">
        <v>137</v>
      </c>
      <c r="F100" s="16">
        <v>282000</v>
      </c>
    </row>
    <row r="101" spans="1:6" ht="27" customHeight="1" x14ac:dyDescent="0.45">
      <c r="A101" s="17"/>
      <c r="B101" s="18"/>
      <c r="C101" s="32" t="s">
        <v>287</v>
      </c>
      <c r="D101" s="15" t="s">
        <v>129</v>
      </c>
      <c r="E101" s="15" t="s">
        <v>209</v>
      </c>
      <c r="F101" s="16">
        <v>30000</v>
      </c>
    </row>
    <row r="102" spans="1:6" ht="27" customHeight="1" x14ac:dyDescent="0.45">
      <c r="A102" s="17"/>
      <c r="B102" s="18"/>
      <c r="C102" s="32" t="s">
        <v>285</v>
      </c>
      <c r="D102" s="15" t="s">
        <v>131</v>
      </c>
      <c r="E102" s="15" t="s">
        <v>291</v>
      </c>
      <c r="F102" s="16">
        <v>12000</v>
      </c>
    </row>
    <row r="103" spans="1:6" ht="27" customHeight="1" x14ac:dyDescent="0.45">
      <c r="A103" s="17"/>
      <c r="B103" s="18"/>
      <c r="C103" s="32" t="s">
        <v>287</v>
      </c>
      <c r="D103" s="15" t="s">
        <v>129</v>
      </c>
      <c r="E103" s="15" t="s">
        <v>264</v>
      </c>
      <c r="F103" s="16">
        <v>5000</v>
      </c>
    </row>
    <row r="104" spans="1:6" ht="27" customHeight="1" x14ac:dyDescent="0.45">
      <c r="A104" s="17"/>
      <c r="B104" s="18"/>
      <c r="C104" s="15" t="s">
        <v>287</v>
      </c>
      <c r="D104" s="15" t="s">
        <v>131</v>
      </c>
      <c r="E104" s="15" t="s">
        <v>139</v>
      </c>
      <c r="F104" s="16">
        <v>4000</v>
      </c>
    </row>
    <row r="105" spans="1:6" ht="27" customHeight="1" x14ac:dyDescent="0.45">
      <c r="A105" s="17"/>
      <c r="B105" s="18"/>
      <c r="C105" s="15" t="s">
        <v>287</v>
      </c>
      <c r="D105" s="15" t="s">
        <v>131</v>
      </c>
      <c r="E105" s="15" t="s">
        <v>134</v>
      </c>
      <c r="F105" s="16">
        <v>4000</v>
      </c>
    </row>
    <row r="106" spans="1:6" ht="27" customHeight="1" x14ac:dyDescent="0.45">
      <c r="A106" s="17"/>
      <c r="B106" s="18"/>
      <c r="C106" s="15" t="s">
        <v>287</v>
      </c>
      <c r="D106" s="15" t="s">
        <v>131</v>
      </c>
      <c r="E106" s="15" t="s">
        <v>136</v>
      </c>
      <c r="F106" s="16">
        <v>4000</v>
      </c>
    </row>
    <row r="107" spans="1:6" ht="27" customHeight="1" x14ac:dyDescent="0.45">
      <c r="A107" s="17"/>
      <c r="B107" s="18"/>
      <c r="C107" s="15" t="s">
        <v>287</v>
      </c>
      <c r="D107" s="15" t="s">
        <v>131</v>
      </c>
      <c r="E107" s="15" t="s">
        <v>135</v>
      </c>
      <c r="F107" s="16">
        <v>4000</v>
      </c>
    </row>
    <row r="108" spans="1:6" ht="27" customHeight="1" x14ac:dyDescent="0.45">
      <c r="A108" s="17"/>
      <c r="B108" s="18"/>
      <c r="C108" s="15" t="s">
        <v>287</v>
      </c>
      <c r="D108" s="15" t="s">
        <v>129</v>
      </c>
      <c r="E108" s="15" t="s">
        <v>292</v>
      </c>
      <c r="F108" s="16">
        <v>4000</v>
      </c>
    </row>
    <row r="109" spans="1:6" ht="27" customHeight="1" x14ac:dyDescent="0.45">
      <c r="A109" s="17"/>
      <c r="B109" s="18"/>
      <c r="C109" s="32" t="s">
        <v>287</v>
      </c>
      <c r="D109" s="15" t="s">
        <v>129</v>
      </c>
      <c r="E109" s="15" t="s">
        <v>293</v>
      </c>
      <c r="F109" s="16">
        <v>4000</v>
      </c>
    </row>
    <row r="110" spans="1:6" ht="27" customHeight="1" x14ac:dyDescent="0.45">
      <c r="A110" s="17"/>
      <c r="B110" s="18"/>
      <c r="C110" s="15" t="s">
        <v>287</v>
      </c>
      <c r="D110" s="15" t="s">
        <v>129</v>
      </c>
      <c r="E110" s="15" t="s">
        <v>294</v>
      </c>
      <c r="F110" s="16">
        <v>4000</v>
      </c>
    </row>
    <row r="111" spans="1:6" ht="27" customHeight="1" x14ac:dyDescent="0.45">
      <c r="A111" s="21"/>
      <c r="B111" s="22"/>
      <c r="C111" s="32" t="s">
        <v>287</v>
      </c>
      <c r="D111" s="15" t="s">
        <v>129</v>
      </c>
      <c r="E111" s="15" t="s">
        <v>295</v>
      </c>
      <c r="F111" s="16">
        <v>4000</v>
      </c>
    </row>
    <row r="112" spans="1:6" ht="27" customHeight="1" x14ac:dyDescent="0.45">
      <c r="A112" s="31"/>
      <c r="B112" s="14"/>
      <c r="C112" s="32" t="s">
        <v>287</v>
      </c>
      <c r="D112" s="15" t="s">
        <v>129</v>
      </c>
      <c r="E112" s="15" t="s">
        <v>296</v>
      </c>
      <c r="F112" s="16">
        <v>4000</v>
      </c>
    </row>
    <row r="113" spans="1:6" ht="27" customHeight="1" x14ac:dyDescent="0.45">
      <c r="A113" s="17"/>
      <c r="B113" s="18"/>
      <c r="C113" s="32" t="s">
        <v>287</v>
      </c>
      <c r="D113" s="15" t="s">
        <v>129</v>
      </c>
      <c r="E113" s="15" t="s">
        <v>260</v>
      </c>
      <c r="F113" s="16">
        <v>3000</v>
      </c>
    </row>
    <row r="114" spans="1:6" ht="27" customHeight="1" x14ac:dyDescent="0.45">
      <c r="A114" s="17"/>
      <c r="B114" s="18"/>
      <c r="C114" s="15" t="s">
        <v>287</v>
      </c>
      <c r="D114" s="15" t="s">
        <v>129</v>
      </c>
      <c r="E114" s="15" t="s">
        <v>255</v>
      </c>
      <c r="F114" s="16">
        <v>3000</v>
      </c>
    </row>
    <row r="115" spans="1:6" ht="27" customHeight="1" x14ac:dyDescent="0.45">
      <c r="A115" s="17"/>
      <c r="B115" s="18"/>
      <c r="C115" s="15" t="s">
        <v>287</v>
      </c>
      <c r="D115" s="15" t="s">
        <v>129</v>
      </c>
      <c r="E115" s="15" t="s">
        <v>297</v>
      </c>
      <c r="F115" s="16">
        <v>3000</v>
      </c>
    </row>
    <row r="116" spans="1:6" ht="27" customHeight="1" x14ac:dyDescent="0.45">
      <c r="A116" s="17"/>
      <c r="B116" s="18"/>
      <c r="C116" s="15" t="s">
        <v>285</v>
      </c>
      <c r="D116" s="15" t="s">
        <v>131</v>
      </c>
      <c r="E116" s="15" t="s">
        <v>250</v>
      </c>
      <c r="F116" s="16">
        <v>2000</v>
      </c>
    </row>
    <row r="117" spans="1:6" ht="27" customHeight="1" x14ac:dyDescent="0.45">
      <c r="A117" s="17"/>
      <c r="B117" s="18"/>
      <c r="C117" s="15" t="s">
        <v>287</v>
      </c>
      <c r="D117" s="15" t="s">
        <v>131</v>
      </c>
      <c r="E117" s="15" t="s">
        <v>288</v>
      </c>
      <c r="F117" s="16">
        <v>2000</v>
      </c>
    </row>
    <row r="118" spans="1:6" ht="27" customHeight="1" thickBot="1" x14ac:dyDescent="0.5">
      <c r="A118" s="17"/>
      <c r="B118" s="18"/>
      <c r="C118" s="15" t="s">
        <v>287</v>
      </c>
      <c r="D118" s="15" t="s">
        <v>112</v>
      </c>
      <c r="E118" s="15" t="s">
        <v>298</v>
      </c>
      <c r="F118" s="16">
        <v>1000</v>
      </c>
    </row>
    <row r="119" spans="1:6" ht="27" customHeight="1" thickTop="1" x14ac:dyDescent="0.45">
      <c r="A119" s="21"/>
      <c r="B119" s="22"/>
      <c r="C119" s="23" t="s">
        <v>116</v>
      </c>
      <c r="D119" s="24"/>
      <c r="E119" s="25" t="s">
        <v>299</v>
      </c>
      <c r="F119" s="26">
        <v>2521259230</v>
      </c>
    </row>
    <row r="120" spans="1:6" ht="27" customHeight="1" x14ac:dyDescent="0.45">
      <c r="F120" s="3"/>
    </row>
    <row r="121" spans="1:6" ht="27" customHeight="1" x14ac:dyDescent="0.45">
      <c r="A121" s="5" t="s">
        <v>2</v>
      </c>
      <c r="B121" s="5" t="s">
        <v>107</v>
      </c>
      <c r="C121" s="5" t="s">
        <v>108</v>
      </c>
      <c r="D121" s="5" t="s">
        <v>109</v>
      </c>
      <c r="E121" s="5" t="s">
        <v>110</v>
      </c>
      <c r="F121" s="12" t="s">
        <v>5</v>
      </c>
    </row>
    <row r="122" spans="1:6" ht="27" customHeight="1" x14ac:dyDescent="0.45">
      <c r="A122" s="13">
        <v>7</v>
      </c>
      <c r="B122" s="29" t="s">
        <v>63</v>
      </c>
      <c r="C122" s="15" t="s">
        <v>284</v>
      </c>
      <c r="D122" s="15" t="s">
        <v>122</v>
      </c>
      <c r="E122" s="15" t="s">
        <v>271</v>
      </c>
      <c r="F122" s="16">
        <v>805897302</v>
      </c>
    </row>
    <row r="123" spans="1:6" ht="27" customHeight="1" x14ac:dyDescent="0.45">
      <c r="A123" s="17"/>
      <c r="B123" s="30"/>
      <c r="C123" s="15" t="s">
        <v>284</v>
      </c>
      <c r="D123" s="15" t="s">
        <v>122</v>
      </c>
      <c r="E123" s="15" t="s">
        <v>271</v>
      </c>
      <c r="F123" s="16">
        <v>538679008</v>
      </c>
    </row>
    <row r="124" spans="1:6" ht="27" customHeight="1" x14ac:dyDescent="0.45">
      <c r="A124" s="17"/>
      <c r="B124" s="18"/>
      <c r="C124" s="15" t="s">
        <v>284</v>
      </c>
      <c r="D124" s="15" t="s">
        <v>122</v>
      </c>
      <c r="E124" s="15" t="s">
        <v>271</v>
      </c>
      <c r="F124" s="16">
        <v>386521214</v>
      </c>
    </row>
    <row r="125" spans="1:6" ht="27" customHeight="1" x14ac:dyDescent="0.45">
      <c r="A125" s="17"/>
      <c r="B125" s="18"/>
      <c r="C125" s="15" t="s">
        <v>284</v>
      </c>
      <c r="D125" s="15" t="s">
        <v>122</v>
      </c>
      <c r="E125" s="15" t="s">
        <v>271</v>
      </c>
      <c r="F125" s="16">
        <v>278458098</v>
      </c>
    </row>
    <row r="126" spans="1:6" ht="27" customHeight="1" x14ac:dyDescent="0.45">
      <c r="A126" s="17"/>
      <c r="B126" s="18"/>
      <c r="C126" s="15" t="s">
        <v>284</v>
      </c>
      <c r="D126" s="15" t="s">
        <v>122</v>
      </c>
      <c r="E126" s="15" t="s">
        <v>271</v>
      </c>
      <c r="F126" s="16">
        <v>262618217</v>
      </c>
    </row>
    <row r="127" spans="1:6" ht="27" customHeight="1" thickBot="1" x14ac:dyDescent="0.5">
      <c r="A127" s="17"/>
      <c r="B127" s="18"/>
      <c r="C127" s="19" t="s">
        <v>284</v>
      </c>
      <c r="D127" s="19" t="s">
        <v>122</v>
      </c>
      <c r="E127" s="19" t="s">
        <v>271</v>
      </c>
      <c r="F127" s="20">
        <v>124418348</v>
      </c>
    </row>
    <row r="128" spans="1:6" ht="27" customHeight="1" thickTop="1" x14ac:dyDescent="0.45">
      <c r="A128" s="21"/>
      <c r="B128" s="22"/>
      <c r="C128" s="23" t="s">
        <v>116</v>
      </c>
      <c r="D128" s="24"/>
      <c r="E128" s="25" t="s">
        <v>300</v>
      </c>
      <c r="F128" s="26">
        <v>2396592187</v>
      </c>
    </row>
    <row r="129" spans="1:6" ht="27" customHeight="1" x14ac:dyDescent="0.45">
      <c r="F129" s="3"/>
    </row>
    <row r="130" spans="1:6" ht="27" customHeight="1" x14ac:dyDescent="0.45">
      <c r="A130" s="5" t="s">
        <v>2</v>
      </c>
      <c r="B130" s="5" t="s">
        <v>107</v>
      </c>
      <c r="C130" s="5" t="s">
        <v>108</v>
      </c>
      <c r="D130" s="5" t="s">
        <v>109</v>
      </c>
      <c r="E130" s="5" t="s">
        <v>110</v>
      </c>
      <c r="F130" s="12" t="s">
        <v>5</v>
      </c>
    </row>
    <row r="131" spans="1:6" ht="27" customHeight="1" x14ac:dyDescent="0.45">
      <c r="A131" s="13">
        <v>8</v>
      </c>
      <c r="B131" s="14" t="s">
        <v>64</v>
      </c>
      <c r="C131" s="15" t="s">
        <v>284</v>
      </c>
      <c r="D131" s="15" t="s">
        <v>131</v>
      </c>
      <c r="E131" s="15" t="s">
        <v>301</v>
      </c>
      <c r="F131" s="16">
        <v>1448176380</v>
      </c>
    </row>
    <row r="132" spans="1:6" ht="27" customHeight="1" x14ac:dyDescent="0.45">
      <c r="A132" s="17"/>
      <c r="B132" s="18"/>
      <c r="C132" s="15" t="s">
        <v>285</v>
      </c>
      <c r="D132" s="15" t="s">
        <v>131</v>
      </c>
      <c r="E132" s="15" t="s">
        <v>132</v>
      </c>
      <c r="F132" s="16">
        <v>159852000</v>
      </c>
    </row>
    <row r="133" spans="1:6" ht="27" customHeight="1" x14ac:dyDescent="0.45">
      <c r="A133" s="17"/>
      <c r="B133" s="18"/>
      <c r="C133" s="15" t="s">
        <v>285</v>
      </c>
      <c r="D133" s="15" t="s">
        <v>131</v>
      </c>
      <c r="E133" s="15" t="s">
        <v>132</v>
      </c>
      <c r="F133" s="16">
        <v>7301500</v>
      </c>
    </row>
    <row r="134" spans="1:6" ht="27" customHeight="1" x14ac:dyDescent="0.45">
      <c r="A134" s="17"/>
      <c r="B134" s="18"/>
      <c r="C134" s="15" t="s">
        <v>285</v>
      </c>
      <c r="D134" s="15" t="s">
        <v>131</v>
      </c>
      <c r="E134" s="15" t="s">
        <v>132</v>
      </c>
      <c r="F134" s="16">
        <v>7249700</v>
      </c>
    </row>
    <row r="135" spans="1:6" ht="27" customHeight="1" x14ac:dyDescent="0.45">
      <c r="A135" s="17"/>
      <c r="B135" s="18"/>
      <c r="C135" s="15" t="s">
        <v>285</v>
      </c>
      <c r="D135" s="15" t="s">
        <v>131</v>
      </c>
      <c r="E135" s="15" t="s">
        <v>132</v>
      </c>
      <c r="F135" s="16">
        <v>7228000</v>
      </c>
    </row>
    <row r="136" spans="1:6" ht="27" customHeight="1" x14ac:dyDescent="0.45">
      <c r="A136" s="17"/>
      <c r="B136" s="18"/>
      <c r="C136" s="32" t="s">
        <v>285</v>
      </c>
      <c r="D136" s="15" t="s">
        <v>131</v>
      </c>
      <c r="E136" s="15" t="s">
        <v>132</v>
      </c>
      <c r="F136" s="16">
        <v>7172500</v>
      </c>
    </row>
    <row r="137" spans="1:6" ht="27" customHeight="1" x14ac:dyDescent="0.45">
      <c r="A137" s="17"/>
      <c r="B137" s="18"/>
      <c r="C137" s="32" t="s">
        <v>285</v>
      </c>
      <c r="D137" s="15" t="s">
        <v>131</v>
      </c>
      <c r="E137" s="15" t="s">
        <v>132</v>
      </c>
      <c r="F137" s="16">
        <v>7126900</v>
      </c>
    </row>
    <row r="138" spans="1:6" ht="27" customHeight="1" x14ac:dyDescent="0.45">
      <c r="A138" s="17"/>
      <c r="B138" s="18"/>
      <c r="C138" s="15" t="s">
        <v>285</v>
      </c>
      <c r="D138" s="15" t="s">
        <v>131</v>
      </c>
      <c r="E138" s="15" t="s">
        <v>132</v>
      </c>
      <c r="F138" s="16">
        <v>7057900</v>
      </c>
    </row>
    <row r="139" spans="1:6" ht="27" customHeight="1" x14ac:dyDescent="0.45">
      <c r="A139" s="17"/>
      <c r="B139" s="18"/>
      <c r="C139" s="15" t="s">
        <v>285</v>
      </c>
      <c r="D139" s="15" t="s">
        <v>131</v>
      </c>
      <c r="E139" s="15" t="s">
        <v>132</v>
      </c>
      <c r="F139" s="16">
        <v>7056000</v>
      </c>
    </row>
    <row r="140" spans="1:6" ht="27" customHeight="1" x14ac:dyDescent="0.45">
      <c r="A140" s="17"/>
      <c r="B140" s="18"/>
      <c r="C140" s="15" t="s">
        <v>285</v>
      </c>
      <c r="D140" s="15" t="s">
        <v>131</v>
      </c>
      <c r="E140" s="15" t="s">
        <v>132</v>
      </c>
      <c r="F140" s="16">
        <v>7041500</v>
      </c>
    </row>
    <row r="141" spans="1:6" ht="27" customHeight="1" x14ac:dyDescent="0.45">
      <c r="A141" s="17"/>
      <c r="B141" s="18"/>
      <c r="C141" s="15" t="s">
        <v>285</v>
      </c>
      <c r="D141" s="15" t="s">
        <v>131</v>
      </c>
      <c r="E141" s="15" t="s">
        <v>132</v>
      </c>
      <c r="F141" s="16">
        <v>7029800</v>
      </c>
    </row>
    <row r="142" spans="1:6" ht="27" customHeight="1" x14ac:dyDescent="0.45">
      <c r="A142" s="17"/>
      <c r="B142" s="18"/>
      <c r="C142" s="15" t="s">
        <v>285</v>
      </c>
      <c r="D142" s="15" t="s">
        <v>131</v>
      </c>
      <c r="E142" s="15" t="s">
        <v>132</v>
      </c>
      <c r="F142" s="16">
        <v>7004500</v>
      </c>
    </row>
    <row r="143" spans="1:6" ht="27" customHeight="1" x14ac:dyDescent="0.45">
      <c r="A143" s="17"/>
      <c r="B143" s="18"/>
      <c r="C143" s="15" t="s">
        <v>285</v>
      </c>
      <c r="D143" s="15" t="s">
        <v>131</v>
      </c>
      <c r="E143" s="15" t="s">
        <v>132</v>
      </c>
      <c r="F143" s="16">
        <v>6947100</v>
      </c>
    </row>
    <row r="144" spans="1:6" ht="27" customHeight="1" thickBot="1" x14ac:dyDescent="0.5">
      <c r="A144" s="17"/>
      <c r="B144" s="18"/>
      <c r="C144" s="19" t="s">
        <v>285</v>
      </c>
      <c r="D144" s="19" t="s">
        <v>131</v>
      </c>
      <c r="E144" s="19" t="s">
        <v>132</v>
      </c>
      <c r="F144" s="20">
        <v>6745800</v>
      </c>
    </row>
    <row r="145" spans="1:6" ht="27" customHeight="1" thickTop="1" x14ac:dyDescent="0.45">
      <c r="A145" s="21"/>
      <c r="B145" s="22"/>
      <c r="C145" s="23" t="s">
        <v>116</v>
      </c>
      <c r="D145" s="24"/>
      <c r="E145" s="25" t="s">
        <v>212</v>
      </c>
      <c r="F145" s="26">
        <v>1692989580</v>
      </c>
    </row>
    <row r="146" spans="1:6" ht="27" customHeight="1" x14ac:dyDescent="0.45">
      <c r="F146" s="3"/>
    </row>
    <row r="147" spans="1:6" ht="27" customHeight="1" x14ac:dyDescent="0.45">
      <c r="A147" s="5" t="s">
        <v>2</v>
      </c>
      <c r="B147" s="5" t="s">
        <v>107</v>
      </c>
      <c r="C147" s="5" t="s">
        <v>108</v>
      </c>
      <c r="D147" s="5" t="s">
        <v>109</v>
      </c>
      <c r="E147" s="5" t="s">
        <v>110</v>
      </c>
      <c r="F147" s="12" t="s">
        <v>5</v>
      </c>
    </row>
    <row r="148" spans="1:6" ht="27" customHeight="1" x14ac:dyDescent="0.45">
      <c r="A148" s="35">
        <v>9</v>
      </c>
      <c r="B148" s="22" t="s">
        <v>65</v>
      </c>
      <c r="C148" s="32" t="s">
        <v>284</v>
      </c>
      <c r="D148" s="15" t="s">
        <v>131</v>
      </c>
      <c r="E148" s="15" t="s">
        <v>302</v>
      </c>
      <c r="F148" s="16">
        <v>1213539000</v>
      </c>
    </row>
    <row r="149" spans="1:6" ht="27" customHeight="1" x14ac:dyDescent="0.45">
      <c r="A149" s="31"/>
      <c r="B149" s="14"/>
      <c r="C149" s="32" t="s">
        <v>284</v>
      </c>
      <c r="D149" s="15" t="s">
        <v>131</v>
      </c>
      <c r="E149" s="15" t="s">
        <v>302</v>
      </c>
      <c r="F149" s="16">
        <v>272880150</v>
      </c>
    </row>
    <row r="150" spans="1:6" ht="27" customHeight="1" x14ac:dyDescent="0.45">
      <c r="A150" s="17"/>
      <c r="B150" s="18"/>
      <c r="C150" s="15" t="s">
        <v>284</v>
      </c>
      <c r="D150" s="15" t="s">
        <v>131</v>
      </c>
      <c r="E150" s="15" t="s">
        <v>302</v>
      </c>
      <c r="F150" s="16">
        <v>115060250</v>
      </c>
    </row>
    <row r="151" spans="1:6" ht="27" customHeight="1" x14ac:dyDescent="0.45">
      <c r="A151" s="17"/>
      <c r="B151" s="18"/>
      <c r="C151" s="15" t="s">
        <v>284</v>
      </c>
      <c r="D151" s="15" t="s">
        <v>131</v>
      </c>
      <c r="E151" s="15" t="s">
        <v>302</v>
      </c>
      <c r="F151" s="16">
        <v>27175500</v>
      </c>
    </row>
    <row r="152" spans="1:6" ht="27" customHeight="1" x14ac:dyDescent="0.45">
      <c r="A152" s="17"/>
      <c r="B152" s="18"/>
      <c r="C152" s="15" t="s">
        <v>284</v>
      </c>
      <c r="D152" s="15" t="s">
        <v>131</v>
      </c>
      <c r="E152" s="15" t="s">
        <v>302</v>
      </c>
      <c r="F152" s="16">
        <v>11234000</v>
      </c>
    </row>
    <row r="153" spans="1:6" ht="27" customHeight="1" x14ac:dyDescent="0.45">
      <c r="A153" s="17"/>
      <c r="B153" s="18"/>
      <c r="C153" s="15" t="s">
        <v>284</v>
      </c>
      <c r="D153" s="15" t="s">
        <v>131</v>
      </c>
      <c r="E153" s="15" t="s">
        <v>302</v>
      </c>
      <c r="F153" s="16">
        <v>9180000</v>
      </c>
    </row>
    <row r="154" spans="1:6" ht="27" customHeight="1" x14ac:dyDescent="0.45">
      <c r="A154" s="17"/>
      <c r="B154" s="18"/>
      <c r="C154" s="15" t="s">
        <v>284</v>
      </c>
      <c r="D154" s="15" t="s">
        <v>131</v>
      </c>
      <c r="E154" s="15" t="s">
        <v>302</v>
      </c>
      <c r="F154" s="16">
        <v>6730700</v>
      </c>
    </row>
    <row r="155" spans="1:6" ht="27" customHeight="1" x14ac:dyDescent="0.45">
      <c r="A155" s="17"/>
      <c r="B155" s="18"/>
      <c r="C155" s="15" t="s">
        <v>284</v>
      </c>
      <c r="D155" s="15" t="s">
        <v>131</v>
      </c>
      <c r="E155" s="15" t="s">
        <v>302</v>
      </c>
      <c r="F155" s="16">
        <v>3683000</v>
      </c>
    </row>
    <row r="156" spans="1:6" ht="27" customHeight="1" x14ac:dyDescent="0.45">
      <c r="A156" s="17"/>
      <c r="B156" s="18"/>
      <c r="C156" s="15" t="s">
        <v>284</v>
      </c>
      <c r="D156" s="15" t="s">
        <v>131</v>
      </c>
      <c r="E156" s="15" t="s">
        <v>302</v>
      </c>
      <c r="F156" s="16">
        <v>731000</v>
      </c>
    </row>
    <row r="157" spans="1:6" ht="27" customHeight="1" x14ac:dyDescent="0.45">
      <c r="A157" s="17"/>
      <c r="B157" s="18"/>
      <c r="C157" s="15" t="s">
        <v>284</v>
      </c>
      <c r="D157" s="15" t="s">
        <v>131</v>
      </c>
      <c r="E157" s="15" t="s">
        <v>302</v>
      </c>
      <c r="F157" s="16">
        <v>504000</v>
      </c>
    </row>
    <row r="158" spans="1:6" ht="27" customHeight="1" x14ac:dyDescent="0.45">
      <c r="A158" s="17"/>
      <c r="B158" s="18"/>
      <c r="C158" s="15" t="s">
        <v>284</v>
      </c>
      <c r="D158" s="15" t="s">
        <v>131</v>
      </c>
      <c r="E158" s="15" t="s">
        <v>302</v>
      </c>
      <c r="F158" s="16">
        <v>499400</v>
      </c>
    </row>
    <row r="159" spans="1:6" ht="27" customHeight="1" x14ac:dyDescent="0.45">
      <c r="A159" s="17"/>
      <c r="B159" s="18"/>
      <c r="C159" s="15" t="s">
        <v>284</v>
      </c>
      <c r="D159" s="15" t="s">
        <v>131</v>
      </c>
      <c r="E159" s="15" t="s">
        <v>302</v>
      </c>
      <c r="F159" s="16">
        <v>168000</v>
      </c>
    </row>
    <row r="160" spans="1:6" ht="27" customHeight="1" thickBot="1" x14ac:dyDescent="0.5">
      <c r="A160" s="17"/>
      <c r="B160" s="18"/>
      <c r="C160" s="19" t="s">
        <v>284</v>
      </c>
      <c r="D160" s="19" t="s">
        <v>131</v>
      </c>
      <c r="E160" s="19" t="s">
        <v>302</v>
      </c>
      <c r="F160" s="20">
        <v>140000</v>
      </c>
    </row>
    <row r="161" spans="1:6" ht="27" customHeight="1" thickTop="1" x14ac:dyDescent="0.45">
      <c r="A161" s="21"/>
      <c r="B161" s="22"/>
      <c r="C161" s="23" t="s">
        <v>116</v>
      </c>
      <c r="D161" s="24"/>
      <c r="E161" s="25" t="s">
        <v>303</v>
      </c>
      <c r="F161" s="26">
        <v>1661525000</v>
      </c>
    </row>
    <row r="162" spans="1:6" ht="27" customHeight="1" x14ac:dyDescent="0.45">
      <c r="F162" s="3"/>
    </row>
    <row r="163" spans="1:6" ht="27" customHeight="1" x14ac:dyDescent="0.45">
      <c r="A163" s="5" t="s">
        <v>2</v>
      </c>
      <c r="B163" s="5" t="s">
        <v>107</v>
      </c>
      <c r="C163" s="5" t="s">
        <v>108</v>
      </c>
      <c r="D163" s="5" t="s">
        <v>109</v>
      </c>
      <c r="E163" s="5" t="s">
        <v>110</v>
      </c>
      <c r="F163" s="12" t="s">
        <v>5</v>
      </c>
    </row>
    <row r="164" spans="1:6" ht="27" customHeight="1" x14ac:dyDescent="0.45">
      <c r="A164" s="13">
        <v>10</v>
      </c>
      <c r="B164" s="14" t="s">
        <v>66</v>
      </c>
      <c r="C164" s="15" t="s">
        <v>284</v>
      </c>
      <c r="D164" s="15" t="s">
        <v>131</v>
      </c>
      <c r="E164" s="15" t="s">
        <v>302</v>
      </c>
      <c r="F164" s="16">
        <v>582336000</v>
      </c>
    </row>
    <row r="165" spans="1:6" ht="27" customHeight="1" x14ac:dyDescent="0.45">
      <c r="A165" s="17"/>
      <c r="B165" s="18"/>
      <c r="C165" s="15" t="s">
        <v>284</v>
      </c>
      <c r="D165" s="15" t="s">
        <v>131</v>
      </c>
      <c r="E165" s="15" t="s">
        <v>302</v>
      </c>
      <c r="F165" s="16">
        <v>572539000</v>
      </c>
    </row>
    <row r="166" spans="1:6" ht="27" customHeight="1" x14ac:dyDescent="0.45">
      <c r="A166" s="17"/>
      <c r="B166" s="18"/>
      <c r="C166" s="15" t="s">
        <v>284</v>
      </c>
      <c r="D166" s="15" t="s">
        <v>131</v>
      </c>
      <c r="E166" s="15" t="s">
        <v>302</v>
      </c>
      <c r="F166" s="16">
        <v>170993500</v>
      </c>
    </row>
    <row r="167" spans="1:6" ht="27" customHeight="1" x14ac:dyDescent="0.45">
      <c r="A167" s="17"/>
      <c r="B167" s="18"/>
      <c r="C167" s="15" t="s">
        <v>284</v>
      </c>
      <c r="D167" s="15" t="s">
        <v>131</v>
      </c>
      <c r="E167" s="15" t="s">
        <v>302</v>
      </c>
      <c r="F167" s="16">
        <v>141896700</v>
      </c>
    </row>
    <row r="168" spans="1:6" ht="27" customHeight="1" x14ac:dyDescent="0.45">
      <c r="A168" s="17"/>
      <c r="B168" s="18"/>
      <c r="C168" s="15" t="s">
        <v>284</v>
      </c>
      <c r="D168" s="15" t="s">
        <v>131</v>
      </c>
      <c r="E168" s="15" t="s">
        <v>302</v>
      </c>
      <c r="F168" s="16">
        <v>78243000</v>
      </c>
    </row>
    <row r="169" spans="1:6" ht="27" customHeight="1" x14ac:dyDescent="0.45">
      <c r="A169" s="17"/>
      <c r="B169" s="18"/>
      <c r="C169" s="15" t="s">
        <v>284</v>
      </c>
      <c r="D169" s="15" t="s">
        <v>131</v>
      </c>
      <c r="E169" s="15" t="s">
        <v>302</v>
      </c>
      <c r="F169" s="16">
        <v>60684000</v>
      </c>
    </row>
    <row r="170" spans="1:6" ht="27" customHeight="1" x14ac:dyDescent="0.45">
      <c r="A170" s="17"/>
      <c r="B170" s="18"/>
      <c r="C170" s="32" t="s">
        <v>284</v>
      </c>
      <c r="D170" s="15" t="s">
        <v>131</v>
      </c>
      <c r="E170" s="15" t="s">
        <v>302</v>
      </c>
      <c r="F170" s="16">
        <v>9930000</v>
      </c>
    </row>
    <row r="171" spans="1:6" ht="27" customHeight="1" x14ac:dyDescent="0.45">
      <c r="A171" s="17"/>
      <c r="B171" s="18"/>
      <c r="C171" s="32" t="s">
        <v>284</v>
      </c>
      <c r="D171" s="15" t="s">
        <v>131</v>
      </c>
      <c r="E171" s="15" t="s">
        <v>302</v>
      </c>
      <c r="F171" s="16">
        <v>6560000</v>
      </c>
    </row>
    <row r="172" spans="1:6" ht="27" customHeight="1" x14ac:dyDescent="0.45">
      <c r="A172" s="17"/>
      <c r="B172" s="18"/>
      <c r="C172" s="15" t="s">
        <v>284</v>
      </c>
      <c r="D172" s="15" t="s">
        <v>131</v>
      </c>
      <c r="E172" s="15" t="s">
        <v>302</v>
      </c>
      <c r="F172" s="16">
        <v>935000</v>
      </c>
    </row>
    <row r="173" spans="1:6" ht="27" customHeight="1" x14ac:dyDescent="0.45">
      <c r="A173" s="17"/>
      <c r="B173" s="18"/>
      <c r="C173" s="15" t="s">
        <v>284</v>
      </c>
      <c r="D173" s="15" t="s">
        <v>129</v>
      </c>
      <c r="E173" s="15" t="s">
        <v>191</v>
      </c>
      <c r="F173" s="16">
        <v>509085</v>
      </c>
    </row>
    <row r="174" spans="1:6" ht="27" customHeight="1" x14ac:dyDescent="0.45">
      <c r="A174" s="17"/>
      <c r="B174" s="18"/>
      <c r="C174" s="15" t="s">
        <v>284</v>
      </c>
      <c r="D174" s="15" t="s">
        <v>131</v>
      </c>
      <c r="E174" s="15" t="s">
        <v>302</v>
      </c>
      <c r="F174" s="16">
        <v>270000</v>
      </c>
    </row>
    <row r="175" spans="1:6" ht="27" customHeight="1" thickBot="1" x14ac:dyDescent="0.5">
      <c r="A175" s="17"/>
      <c r="B175" s="18"/>
      <c r="C175" s="19" t="s">
        <v>284</v>
      </c>
      <c r="D175" s="19" t="s">
        <v>129</v>
      </c>
      <c r="E175" s="19" t="s">
        <v>191</v>
      </c>
      <c r="F175" s="20">
        <v>124093</v>
      </c>
    </row>
    <row r="176" spans="1:6" ht="27" customHeight="1" thickTop="1" x14ac:dyDescent="0.45">
      <c r="A176" s="21"/>
      <c r="B176" s="22"/>
      <c r="C176" s="23" t="s">
        <v>116</v>
      </c>
      <c r="D176" s="24"/>
      <c r="E176" s="25" t="s">
        <v>165</v>
      </c>
      <c r="F176" s="26">
        <v>1625020378</v>
      </c>
    </row>
    <row r="177" spans="1:6" ht="27" customHeight="1" x14ac:dyDescent="0.45">
      <c r="F177" s="3"/>
    </row>
    <row r="178" spans="1:6" ht="27" customHeight="1" x14ac:dyDescent="0.45">
      <c r="A178" s="5" t="s">
        <v>2</v>
      </c>
      <c r="B178" s="5" t="s">
        <v>107</v>
      </c>
      <c r="C178" s="5" t="s">
        <v>108</v>
      </c>
      <c r="D178" s="5" t="s">
        <v>109</v>
      </c>
      <c r="E178" s="5" t="s">
        <v>110</v>
      </c>
      <c r="F178" s="12" t="s">
        <v>5</v>
      </c>
    </row>
    <row r="179" spans="1:6" ht="27" customHeight="1" x14ac:dyDescent="0.45">
      <c r="A179" s="13">
        <v>11</v>
      </c>
      <c r="B179" s="29" t="s">
        <v>67</v>
      </c>
      <c r="C179" s="15" t="s">
        <v>284</v>
      </c>
      <c r="D179" s="15" t="s">
        <v>159</v>
      </c>
      <c r="E179" s="15" t="s">
        <v>160</v>
      </c>
      <c r="F179" s="16">
        <v>896429111</v>
      </c>
    </row>
    <row r="180" spans="1:6" ht="27" customHeight="1" x14ac:dyDescent="0.45">
      <c r="A180" s="17"/>
      <c r="B180" s="30"/>
      <c r="C180" s="15" t="s">
        <v>284</v>
      </c>
      <c r="D180" s="15" t="s">
        <v>159</v>
      </c>
      <c r="E180" s="15" t="s">
        <v>160</v>
      </c>
      <c r="F180" s="16">
        <v>489056406</v>
      </c>
    </row>
    <row r="181" spans="1:6" ht="27" customHeight="1" x14ac:dyDescent="0.45">
      <c r="A181" s="17"/>
      <c r="B181" s="18"/>
      <c r="C181" s="15" t="s">
        <v>284</v>
      </c>
      <c r="D181" s="15" t="s">
        <v>159</v>
      </c>
      <c r="E181" s="15" t="s">
        <v>160</v>
      </c>
      <c r="F181" s="16">
        <v>56953041</v>
      </c>
    </row>
    <row r="182" spans="1:6" ht="27" customHeight="1" x14ac:dyDescent="0.45">
      <c r="A182" s="17"/>
      <c r="B182" s="18"/>
      <c r="C182" s="15" t="s">
        <v>284</v>
      </c>
      <c r="D182" s="15" t="s">
        <v>159</v>
      </c>
      <c r="E182" s="15" t="s">
        <v>160</v>
      </c>
      <c r="F182" s="16">
        <v>21641750</v>
      </c>
    </row>
    <row r="183" spans="1:6" ht="27" customHeight="1" x14ac:dyDescent="0.45">
      <c r="A183" s="17"/>
      <c r="B183" s="18"/>
      <c r="C183" s="15" t="s">
        <v>284</v>
      </c>
      <c r="D183" s="15" t="s">
        <v>159</v>
      </c>
      <c r="E183" s="15" t="s">
        <v>160</v>
      </c>
      <c r="F183" s="16">
        <v>20423209</v>
      </c>
    </row>
    <row r="184" spans="1:6" ht="27" customHeight="1" thickBot="1" x14ac:dyDescent="0.5">
      <c r="A184" s="17"/>
      <c r="B184" s="18"/>
      <c r="C184" s="19" t="s">
        <v>284</v>
      </c>
      <c r="D184" s="19" t="s">
        <v>159</v>
      </c>
      <c r="E184" s="19" t="s">
        <v>160</v>
      </c>
      <c r="F184" s="20">
        <v>13062442</v>
      </c>
    </row>
    <row r="185" spans="1:6" ht="27" customHeight="1" thickTop="1" x14ac:dyDescent="0.45">
      <c r="A185" s="21"/>
      <c r="B185" s="22"/>
      <c r="C185" s="23" t="s">
        <v>116</v>
      </c>
      <c r="D185" s="24"/>
      <c r="E185" s="25" t="s">
        <v>300</v>
      </c>
      <c r="F185" s="26">
        <v>1497565959</v>
      </c>
    </row>
    <row r="186" spans="1:6" ht="27" hidden="1" customHeight="1" x14ac:dyDescent="0.45">
      <c r="F186" s="3"/>
    </row>
    <row r="187" spans="1:6" ht="27" customHeight="1" x14ac:dyDescent="0.45">
      <c r="A187" s="5" t="s">
        <v>2</v>
      </c>
      <c r="B187" s="5" t="s">
        <v>107</v>
      </c>
      <c r="C187" s="5" t="s">
        <v>108</v>
      </c>
      <c r="D187" s="5" t="s">
        <v>109</v>
      </c>
      <c r="E187" s="5" t="s">
        <v>110</v>
      </c>
      <c r="F187" s="12" t="s">
        <v>5</v>
      </c>
    </row>
    <row r="188" spans="1:6" ht="27" customHeight="1" x14ac:dyDescent="0.45">
      <c r="A188" s="13">
        <v>12</v>
      </c>
      <c r="B188" s="29" t="s">
        <v>68</v>
      </c>
      <c r="C188" s="15" t="s">
        <v>285</v>
      </c>
      <c r="D188" s="15" t="s">
        <v>129</v>
      </c>
      <c r="E188" s="15" t="s">
        <v>148</v>
      </c>
      <c r="F188" s="16">
        <v>965128576</v>
      </c>
    </row>
    <row r="189" spans="1:6" ht="27" customHeight="1" thickBot="1" x14ac:dyDescent="0.5">
      <c r="A189" s="17"/>
      <c r="B189" s="30"/>
      <c r="C189" s="19" t="s">
        <v>285</v>
      </c>
      <c r="D189" s="19" t="s">
        <v>129</v>
      </c>
      <c r="E189" s="19" t="s">
        <v>148</v>
      </c>
      <c r="F189" s="20">
        <v>454469842</v>
      </c>
    </row>
    <row r="190" spans="1:6" ht="27" customHeight="1" thickTop="1" x14ac:dyDescent="0.45">
      <c r="A190" s="21"/>
      <c r="B190" s="22"/>
      <c r="C190" s="23" t="s">
        <v>116</v>
      </c>
      <c r="D190" s="24"/>
      <c r="E190" s="25" t="s">
        <v>236</v>
      </c>
      <c r="F190" s="26">
        <v>1419598418</v>
      </c>
    </row>
    <row r="191" spans="1:6" ht="27" customHeight="1" x14ac:dyDescent="0.45">
      <c r="F191" s="3"/>
    </row>
    <row r="192" spans="1:6" ht="27" customHeight="1" x14ac:dyDescent="0.45">
      <c r="A192" s="5" t="s">
        <v>2</v>
      </c>
      <c r="B192" s="5" t="s">
        <v>107</v>
      </c>
      <c r="C192" s="5" t="s">
        <v>108</v>
      </c>
      <c r="D192" s="5" t="s">
        <v>109</v>
      </c>
      <c r="E192" s="5" t="s">
        <v>110</v>
      </c>
      <c r="F192" s="12" t="s">
        <v>5</v>
      </c>
    </row>
    <row r="193" spans="1:6" ht="27" customHeight="1" x14ac:dyDescent="0.45">
      <c r="A193" s="13">
        <v>13</v>
      </c>
      <c r="B193" s="29" t="s">
        <v>69</v>
      </c>
      <c r="C193" s="15" t="s">
        <v>284</v>
      </c>
      <c r="D193" s="15" t="s">
        <v>112</v>
      </c>
      <c r="E193" s="15" t="s">
        <v>113</v>
      </c>
      <c r="F193" s="16">
        <v>393867341</v>
      </c>
    </row>
    <row r="194" spans="1:6" ht="27" customHeight="1" x14ac:dyDescent="0.45">
      <c r="A194" s="17"/>
      <c r="B194" s="30"/>
      <c r="C194" s="15" t="s">
        <v>284</v>
      </c>
      <c r="D194" s="15" t="s">
        <v>112</v>
      </c>
      <c r="E194" s="15" t="s">
        <v>304</v>
      </c>
      <c r="F194" s="16">
        <v>92215674</v>
      </c>
    </row>
    <row r="195" spans="1:6" ht="27" customHeight="1" x14ac:dyDescent="0.45">
      <c r="A195" s="17"/>
      <c r="B195" s="18"/>
      <c r="C195" s="15" t="s">
        <v>284</v>
      </c>
      <c r="D195" s="15" t="s">
        <v>112</v>
      </c>
      <c r="E195" s="15" t="s">
        <v>305</v>
      </c>
      <c r="F195" s="16">
        <v>81311593</v>
      </c>
    </row>
    <row r="196" spans="1:6" ht="27" customHeight="1" x14ac:dyDescent="0.45">
      <c r="A196" s="17"/>
      <c r="B196" s="18"/>
      <c r="C196" s="15" t="s">
        <v>284</v>
      </c>
      <c r="D196" s="15" t="s">
        <v>112</v>
      </c>
      <c r="E196" s="15" t="s">
        <v>305</v>
      </c>
      <c r="F196" s="16">
        <v>78745715</v>
      </c>
    </row>
    <row r="197" spans="1:6" ht="27" customHeight="1" x14ac:dyDescent="0.45">
      <c r="A197" s="17"/>
      <c r="B197" s="18"/>
      <c r="C197" s="15" t="s">
        <v>284</v>
      </c>
      <c r="D197" s="15" t="s">
        <v>112</v>
      </c>
      <c r="E197" s="15" t="s">
        <v>305</v>
      </c>
      <c r="F197" s="16">
        <v>46547890</v>
      </c>
    </row>
    <row r="198" spans="1:6" ht="27" customHeight="1" x14ac:dyDescent="0.45">
      <c r="A198" s="17"/>
      <c r="B198" s="18"/>
      <c r="C198" s="15" t="s">
        <v>284</v>
      </c>
      <c r="D198" s="15" t="s">
        <v>112</v>
      </c>
      <c r="E198" s="15" t="s">
        <v>305</v>
      </c>
      <c r="F198" s="16">
        <v>45079020</v>
      </c>
    </row>
    <row r="199" spans="1:6" ht="27" customHeight="1" x14ac:dyDescent="0.45">
      <c r="A199" s="17"/>
      <c r="B199" s="18"/>
      <c r="C199" s="15" t="s">
        <v>284</v>
      </c>
      <c r="D199" s="15" t="s">
        <v>112</v>
      </c>
      <c r="E199" s="15" t="s">
        <v>305</v>
      </c>
      <c r="F199" s="16">
        <v>43783698</v>
      </c>
    </row>
    <row r="200" spans="1:6" ht="27" customHeight="1" x14ac:dyDescent="0.45">
      <c r="A200" s="17"/>
      <c r="B200" s="18"/>
      <c r="C200" s="15" t="s">
        <v>284</v>
      </c>
      <c r="D200" s="15" t="s">
        <v>112</v>
      </c>
      <c r="E200" s="15" t="s">
        <v>305</v>
      </c>
      <c r="F200" s="16">
        <v>43381886</v>
      </c>
    </row>
    <row r="201" spans="1:6" ht="27" customHeight="1" x14ac:dyDescent="0.45">
      <c r="A201" s="17"/>
      <c r="B201" s="18"/>
      <c r="C201" s="15" t="s">
        <v>284</v>
      </c>
      <c r="D201" s="15" t="s">
        <v>112</v>
      </c>
      <c r="E201" s="15" t="s">
        <v>305</v>
      </c>
      <c r="F201" s="16">
        <v>42675250</v>
      </c>
    </row>
    <row r="202" spans="1:6" ht="27" customHeight="1" x14ac:dyDescent="0.45">
      <c r="A202" s="17"/>
      <c r="B202" s="18"/>
      <c r="C202" s="15" t="s">
        <v>284</v>
      </c>
      <c r="D202" s="15" t="s">
        <v>112</v>
      </c>
      <c r="E202" s="15" t="s">
        <v>305</v>
      </c>
      <c r="F202" s="16">
        <v>42402055</v>
      </c>
    </row>
    <row r="203" spans="1:6" ht="27" customHeight="1" x14ac:dyDescent="0.45">
      <c r="A203" s="17"/>
      <c r="B203" s="18"/>
      <c r="C203" s="15" t="s">
        <v>284</v>
      </c>
      <c r="D203" s="15" t="s">
        <v>112</v>
      </c>
      <c r="E203" s="15" t="s">
        <v>305</v>
      </c>
      <c r="F203" s="16">
        <v>42012922</v>
      </c>
    </row>
    <row r="204" spans="1:6" ht="27" customHeight="1" x14ac:dyDescent="0.45">
      <c r="A204" s="17"/>
      <c r="B204" s="18"/>
      <c r="C204" s="32" t="s">
        <v>284</v>
      </c>
      <c r="D204" s="15" t="s">
        <v>112</v>
      </c>
      <c r="E204" s="15" t="s">
        <v>305</v>
      </c>
      <c r="F204" s="16">
        <v>41328585</v>
      </c>
    </row>
    <row r="205" spans="1:6" ht="27" customHeight="1" x14ac:dyDescent="0.45">
      <c r="A205" s="17"/>
      <c r="B205" s="18"/>
      <c r="C205" s="32" t="s">
        <v>284</v>
      </c>
      <c r="D205" s="15" t="s">
        <v>112</v>
      </c>
      <c r="E205" s="15" t="s">
        <v>305</v>
      </c>
      <c r="F205" s="16">
        <v>40513776</v>
      </c>
    </row>
    <row r="206" spans="1:6" ht="27" customHeight="1" x14ac:dyDescent="0.45">
      <c r="A206" s="17"/>
      <c r="B206" s="18"/>
      <c r="C206" s="15" t="s">
        <v>284</v>
      </c>
      <c r="D206" s="15" t="s">
        <v>112</v>
      </c>
      <c r="E206" s="15" t="s">
        <v>305</v>
      </c>
      <c r="F206" s="16">
        <v>39235319</v>
      </c>
    </row>
    <row r="207" spans="1:6" ht="27" customHeight="1" x14ac:dyDescent="0.45">
      <c r="A207" s="17"/>
      <c r="B207" s="18"/>
      <c r="C207" s="15" t="s">
        <v>284</v>
      </c>
      <c r="D207" s="15" t="s">
        <v>112</v>
      </c>
      <c r="E207" s="15" t="s">
        <v>305</v>
      </c>
      <c r="F207" s="16">
        <v>31279018</v>
      </c>
    </row>
    <row r="208" spans="1:6" ht="27" customHeight="1" x14ac:dyDescent="0.45">
      <c r="A208" s="17"/>
      <c r="B208" s="18"/>
      <c r="C208" s="15" t="s">
        <v>284</v>
      </c>
      <c r="D208" s="15" t="s">
        <v>112</v>
      </c>
      <c r="E208" s="15" t="s">
        <v>305</v>
      </c>
      <c r="F208" s="16">
        <v>30291975</v>
      </c>
    </row>
    <row r="209" spans="1:6" ht="27" customHeight="1" x14ac:dyDescent="0.45">
      <c r="A209" s="17"/>
      <c r="B209" s="18"/>
      <c r="C209" s="15" t="s">
        <v>285</v>
      </c>
      <c r="D209" s="15" t="s">
        <v>112</v>
      </c>
      <c r="E209" s="15" t="s">
        <v>113</v>
      </c>
      <c r="F209" s="16">
        <v>29160945</v>
      </c>
    </row>
    <row r="210" spans="1:6" ht="27" customHeight="1" x14ac:dyDescent="0.45">
      <c r="A210" s="17"/>
      <c r="B210" s="18"/>
      <c r="C210" s="15" t="s">
        <v>284</v>
      </c>
      <c r="D210" s="15" t="s">
        <v>112</v>
      </c>
      <c r="E210" s="15" t="s">
        <v>305</v>
      </c>
      <c r="F210" s="16">
        <v>25896117</v>
      </c>
    </row>
    <row r="211" spans="1:6" ht="27" customHeight="1" x14ac:dyDescent="0.45">
      <c r="A211" s="17"/>
      <c r="B211" s="18"/>
      <c r="C211" s="15" t="s">
        <v>284</v>
      </c>
      <c r="D211" s="15" t="s">
        <v>112</v>
      </c>
      <c r="E211" s="15" t="s">
        <v>305</v>
      </c>
      <c r="F211" s="16">
        <v>25078937</v>
      </c>
    </row>
    <row r="212" spans="1:6" ht="27" customHeight="1" x14ac:dyDescent="0.45">
      <c r="A212" s="17"/>
      <c r="B212" s="18"/>
      <c r="C212" s="15" t="s">
        <v>284</v>
      </c>
      <c r="D212" s="15" t="s">
        <v>112</v>
      </c>
      <c r="E212" s="15" t="s">
        <v>305</v>
      </c>
      <c r="F212" s="16">
        <v>22466856</v>
      </c>
    </row>
    <row r="213" spans="1:6" ht="27" customHeight="1" x14ac:dyDescent="0.45">
      <c r="A213" s="17"/>
      <c r="B213" s="18"/>
      <c r="C213" s="15" t="s">
        <v>284</v>
      </c>
      <c r="D213" s="15" t="s">
        <v>112</v>
      </c>
      <c r="E213" s="15" t="s">
        <v>305</v>
      </c>
      <c r="F213" s="16">
        <v>21757890</v>
      </c>
    </row>
    <row r="214" spans="1:6" ht="27" customHeight="1" x14ac:dyDescent="0.45">
      <c r="A214" s="17"/>
      <c r="B214" s="18"/>
      <c r="C214" s="15" t="s">
        <v>284</v>
      </c>
      <c r="D214" s="15" t="s">
        <v>112</v>
      </c>
      <c r="E214" s="15" t="s">
        <v>305</v>
      </c>
      <c r="F214" s="16">
        <v>12899564</v>
      </c>
    </row>
    <row r="215" spans="1:6" ht="27" customHeight="1" x14ac:dyDescent="0.45">
      <c r="A215" s="17"/>
      <c r="B215" s="18"/>
      <c r="C215" s="15" t="s">
        <v>284</v>
      </c>
      <c r="D215" s="15" t="s">
        <v>112</v>
      </c>
      <c r="E215" s="15" t="s">
        <v>305</v>
      </c>
      <c r="F215" s="16">
        <v>12492504</v>
      </c>
    </row>
    <row r="216" spans="1:6" ht="27" customHeight="1" x14ac:dyDescent="0.45">
      <c r="A216" s="17"/>
      <c r="B216" s="18"/>
      <c r="C216" s="15" t="s">
        <v>284</v>
      </c>
      <c r="D216" s="15" t="s">
        <v>112</v>
      </c>
      <c r="E216" s="15" t="s">
        <v>113</v>
      </c>
      <c r="F216" s="16">
        <v>11118995</v>
      </c>
    </row>
    <row r="217" spans="1:6" ht="27" customHeight="1" x14ac:dyDescent="0.45">
      <c r="A217" s="17"/>
      <c r="B217" s="18"/>
      <c r="C217" s="15" t="s">
        <v>284</v>
      </c>
      <c r="D217" s="15" t="s">
        <v>112</v>
      </c>
      <c r="E217" s="15" t="s">
        <v>305</v>
      </c>
      <c r="F217" s="16">
        <v>10211000</v>
      </c>
    </row>
    <row r="218" spans="1:6" ht="27" customHeight="1" x14ac:dyDescent="0.45">
      <c r="A218" s="17"/>
      <c r="B218" s="18"/>
      <c r="C218" s="15" t="s">
        <v>284</v>
      </c>
      <c r="D218" s="15" t="s">
        <v>112</v>
      </c>
      <c r="E218" s="15" t="s">
        <v>305</v>
      </c>
      <c r="F218" s="16">
        <v>5902486</v>
      </c>
    </row>
    <row r="219" spans="1:6" ht="27" customHeight="1" x14ac:dyDescent="0.45">
      <c r="A219" s="17"/>
      <c r="B219" s="18"/>
      <c r="C219" s="15" t="s">
        <v>284</v>
      </c>
      <c r="D219" s="15" t="s">
        <v>112</v>
      </c>
      <c r="E219" s="15" t="s">
        <v>305</v>
      </c>
      <c r="F219" s="16">
        <v>5716226</v>
      </c>
    </row>
    <row r="220" spans="1:6" ht="27" customHeight="1" x14ac:dyDescent="0.45">
      <c r="A220" s="17"/>
      <c r="B220" s="18"/>
      <c r="C220" s="15" t="s">
        <v>284</v>
      </c>
      <c r="D220" s="15" t="s">
        <v>112</v>
      </c>
      <c r="E220" s="15" t="s">
        <v>113</v>
      </c>
      <c r="F220" s="16">
        <v>4307985</v>
      </c>
    </row>
    <row r="221" spans="1:6" ht="27" customHeight="1" x14ac:dyDescent="0.45">
      <c r="A221" s="17"/>
      <c r="B221" s="18"/>
      <c r="C221" s="15" t="s">
        <v>284</v>
      </c>
      <c r="D221" s="15" t="s">
        <v>112</v>
      </c>
      <c r="E221" s="15" t="s">
        <v>305</v>
      </c>
      <c r="F221" s="16">
        <v>3872640</v>
      </c>
    </row>
    <row r="222" spans="1:6" ht="27" customHeight="1" x14ac:dyDescent="0.45">
      <c r="A222" s="17"/>
      <c r="B222" s="18"/>
      <c r="C222" s="32" t="s">
        <v>284</v>
      </c>
      <c r="D222" s="15" t="s">
        <v>112</v>
      </c>
      <c r="E222" s="15" t="s">
        <v>305</v>
      </c>
      <c r="F222" s="16">
        <v>3750435</v>
      </c>
    </row>
    <row r="223" spans="1:6" ht="27" customHeight="1" x14ac:dyDescent="0.45">
      <c r="A223" s="21"/>
      <c r="B223" s="22"/>
      <c r="C223" s="32" t="s">
        <v>284</v>
      </c>
      <c r="D223" s="15" t="s">
        <v>112</v>
      </c>
      <c r="E223" s="15" t="s">
        <v>305</v>
      </c>
      <c r="F223" s="16">
        <v>3339200</v>
      </c>
    </row>
    <row r="224" spans="1:6" ht="27" customHeight="1" x14ac:dyDescent="0.45">
      <c r="A224" s="31"/>
      <c r="B224" s="14"/>
      <c r="C224" s="15" t="s">
        <v>284</v>
      </c>
      <c r="D224" s="15" t="s">
        <v>112</v>
      </c>
      <c r="E224" s="15" t="s">
        <v>305</v>
      </c>
      <c r="F224" s="16">
        <v>3233827</v>
      </c>
    </row>
    <row r="225" spans="1:6" ht="27" customHeight="1" x14ac:dyDescent="0.45">
      <c r="A225" s="17"/>
      <c r="B225" s="18"/>
      <c r="C225" s="15" t="s">
        <v>284</v>
      </c>
      <c r="D225" s="15" t="s">
        <v>112</v>
      </c>
      <c r="E225" s="15" t="s">
        <v>305</v>
      </c>
      <c r="F225" s="16">
        <v>2840398</v>
      </c>
    </row>
    <row r="226" spans="1:6" ht="27" customHeight="1" x14ac:dyDescent="0.45">
      <c r="A226" s="17"/>
      <c r="B226" s="18"/>
      <c r="C226" s="15" t="s">
        <v>284</v>
      </c>
      <c r="D226" s="15" t="s">
        <v>112</v>
      </c>
      <c r="E226" s="15" t="s">
        <v>305</v>
      </c>
      <c r="F226" s="16">
        <v>2750766</v>
      </c>
    </row>
    <row r="227" spans="1:6" ht="27" customHeight="1" x14ac:dyDescent="0.45">
      <c r="A227" s="17"/>
      <c r="B227" s="18"/>
      <c r="C227" s="15" t="s">
        <v>285</v>
      </c>
      <c r="D227" s="15" t="s">
        <v>112</v>
      </c>
      <c r="E227" s="15" t="s">
        <v>113</v>
      </c>
      <c r="F227" s="16">
        <v>2575989</v>
      </c>
    </row>
    <row r="228" spans="1:6" ht="27" customHeight="1" x14ac:dyDescent="0.45">
      <c r="A228" s="17"/>
      <c r="B228" s="18"/>
      <c r="C228" s="15" t="s">
        <v>284</v>
      </c>
      <c r="D228" s="15" t="s">
        <v>112</v>
      </c>
      <c r="E228" s="15" t="s">
        <v>305</v>
      </c>
      <c r="F228" s="16">
        <v>1399416</v>
      </c>
    </row>
    <row r="229" spans="1:6" ht="27" customHeight="1" x14ac:dyDescent="0.45">
      <c r="A229" s="17"/>
      <c r="B229" s="18"/>
      <c r="C229" s="15" t="s">
        <v>284</v>
      </c>
      <c r="D229" s="15" t="s">
        <v>112</v>
      </c>
      <c r="E229" s="15" t="s">
        <v>305</v>
      </c>
      <c r="F229" s="16">
        <v>1355255</v>
      </c>
    </row>
    <row r="230" spans="1:6" ht="27" customHeight="1" x14ac:dyDescent="0.45">
      <c r="A230" s="17"/>
      <c r="B230" s="18"/>
      <c r="C230" s="15" t="s">
        <v>284</v>
      </c>
      <c r="D230" s="15" t="s">
        <v>112</v>
      </c>
      <c r="E230" s="15" t="s">
        <v>305</v>
      </c>
      <c r="F230" s="16">
        <v>969892</v>
      </c>
    </row>
    <row r="231" spans="1:6" ht="27" customHeight="1" x14ac:dyDescent="0.45">
      <c r="A231" s="17"/>
      <c r="B231" s="18"/>
      <c r="C231" s="15" t="s">
        <v>284</v>
      </c>
      <c r="D231" s="15" t="s">
        <v>112</v>
      </c>
      <c r="E231" s="15" t="s">
        <v>305</v>
      </c>
      <c r="F231" s="16">
        <v>939286</v>
      </c>
    </row>
    <row r="232" spans="1:6" ht="27" customHeight="1" x14ac:dyDescent="0.45">
      <c r="A232" s="17"/>
      <c r="B232" s="18"/>
      <c r="C232" s="15" t="s">
        <v>284</v>
      </c>
      <c r="D232" s="15" t="s">
        <v>112</v>
      </c>
      <c r="E232" s="15" t="s">
        <v>305</v>
      </c>
      <c r="F232" s="16">
        <v>643000</v>
      </c>
    </row>
    <row r="233" spans="1:6" ht="27" customHeight="1" x14ac:dyDescent="0.45">
      <c r="A233" s="17"/>
      <c r="B233" s="18"/>
      <c r="C233" s="15" t="s">
        <v>284</v>
      </c>
      <c r="D233" s="15" t="s">
        <v>112</v>
      </c>
      <c r="E233" s="15" t="s">
        <v>305</v>
      </c>
      <c r="F233" s="16">
        <v>630429</v>
      </c>
    </row>
    <row r="234" spans="1:6" ht="27" customHeight="1" x14ac:dyDescent="0.45">
      <c r="A234" s="17"/>
      <c r="B234" s="18"/>
      <c r="C234" s="15" t="s">
        <v>284</v>
      </c>
      <c r="D234" s="15" t="s">
        <v>112</v>
      </c>
      <c r="E234" s="15" t="s">
        <v>305</v>
      </c>
      <c r="F234" s="16">
        <v>610536</v>
      </c>
    </row>
    <row r="235" spans="1:6" ht="27" customHeight="1" x14ac:dyDescent="0.45">
      <c r="A235" s="17"/>
      <c r="B235" s="18"/>
      <c r="C235" s="15" t="s">
        <v>285</v>
      </c>
      <c r="D235" s="15" t="s">
        <v>112</v>
      </c>
      <c r="E235" s="15" t="s">
        <v>113</v>
      </c>
      <c r="F235" s="16">
        <v>524630</v>
      </c>
    </row>
    <row r="236" spans="1:6" ht="27" customHeight="1" x14ac:dyDescent="0.45">
      <c r="A236" s="17"/>
      <c r="B236" s="18"/>
      <c r="C236" s="15" t="s">
        <v>284</v>
      </c>
      <c r="D236" s="15" t="s">
        <v>112</v>
      </c>
      <c r="E236" s="15" t="s">
        <v>305</v>
      </c>
      <c r="F236" s="16">
        <v>519444</v>
      </c>
    </row>
    <row r="237" spans="1:6" ht="27" customHeight="1" x14ac:dyDescent="0.45">
      <c r="A237" s="17"/>
      <c r="B237" s="18"/>
      <c r="C237" s="15" t="s">
        <v>284</v>
      </c>
      <c r="D237" s="15" t="s">
        <v>112</v>
      </c>
      <c r="E237" s="15" t="s">
        <v>305</v>
      </c>
      <c r="F237" s="16">
        <v>381029</v>
      </c>
    </row>
    <row r="238" spans="1:6" ht="27" customHeight="1" x14ac:dyDescent="0.45">
      <c r="A238" s="17"/>
      <c r="B238" s="18"/>
      <c r="C238" s="32" t="s">
        <v>284</v>
      </c>
      <c r="D238" s="15" t="s">
        <v>112</v>
      </c>
      <c r="E238" s="15" t="s">
        <v>305</v>
      </c>
      <c r="F238" s="16">
        <v>369005</v>
      </c>
    </row>
    <row r="239" spans="1:6" ht="27" customHeight="1" x14ac:dyDescent="0.45">
      <c r="A239" s="17"/>
      <c r="B239" s="18"/>
      <c r="C239" s="32" t="s">
        <v>284</v>
      </c>
      <c r="D239" s="15" t="s">
        <v>112</v>
      </c>
      <c r="E239" s="15" t="s">
        <v>305</v>
      </c>
      <c r="F239" s="16">
        <v>263256</v>
      </c>
    </row>
    <row r="240" spans="1:6" ht="27" customHeight="1" x14ac:dyDescent="0.45">
      <c r="A240" s="17"/>
      <c r="B240" s="18"/>
      <c r="C240" s="15" t="s">
        <v>284</v>
      </c>
      <c r="D240" s="15" t="s">
        <v>112</v>
      </c>
      <c r="E240" s="15" t="s">
        <v>305</v>
      </c>
      <c r="F240" s="16">
        <v>254949</v>
      </c>
    </row>
    <row r="241" spans="1:6" ht="27" customHeight="1" x14ac:dyDescent="0.45">
      <c r="A241" s="17"/>
      <c r="B241" s="18"/>
      <c r="C241" s="15" t="s">
        <v>284</v>
      </c>
      <c r="D241" s="15" t="s">
        <v>112</v>
      </c>
      <c r="E241" s="15" t="s">
        <v>305</v>
      </c>
      <c r="F241" s="16">
        <v>221689</v>
      </c>
    </row>
    <row r="242" spans="1:6" ht="27" customHeight="1" x14ac:dyDescent="0.45">
      <c r="A242" s="17"/>
      <c r="B242" s="18"/>
      <c r="C242" s="15" t="s">
        <v>284</v>
      </c>
      <c r="D242" s="15" t="s">
        <v>112</v>
      </c>
      <c r="E242" s="15" t="s">
        <v>305</v>
      </c>
      <c r="F242" s="16">
        <v>214694</v>
      </c>
    </row>
    <row r="243" spans="1:6" ht="27" customHeight="1" x14ac:dyDescent="0.45">
      <c r="A243" s="17"/>
      <c r="B243" s="18"/>
      <c r="C243" s="15" t="s">
        <v>284</v>
      </c>
      <c r="D243" s="15" t="s">
        <v>112</v>
      </c>
      <c r="E243" s="15" t="s">
        <v>305</v>
      </c>
      <c r="F243" s="16">
        <v>200906</v>
      </c>
    </row>
    <row r="244" spans="1:6" ht="27" customHeight="1" x14ac:dyDescent="0.45">
      <c r="A244" s="17"/>
      <c r="B244" s="18"/>
      <c r="C244" s="15" t="s">
        <v>284</v>
      </c>
      <c r="D244" s="15" t="s">
        <v>112</v>
      </c>
      <c r="E244" s="15" t="s">
        <v>305</v>
      </c>
      <c r="F244" s="16">
        <v>194566</v>
      </c>
    </row>
    <row r="245" spans="1:6" ht="27" customHeight="1" x14ac:dyDescent="0.45">
      <c r="A245" s="17"/>
      <c r="B245" s="18"/>
      <c r="C245" s="15" t="s">
        <v>284</v>
      </c>
      <c r="D245" s="15" t="s">
        <v>112</v>
      </c>
      <c r="E245" s="15" t="s">
        <v>305</v>
      </c>
      <c r="F245" s="16">
        <v>166267</v>
      </c>
    </row>
    <row r="246" spans="1:6" ht="27" customHeight="1" x14ac:dyDescent="0.45">
      <c r="A246" s="17"/>
      <c r="B246" s="18"/>
      <c r="C246" s="15" t="s">
        <v>284</v>
      </c>
      <c r="D246" s="15" t="s">
        <v>112</v>
      </c>
      <c r="E246" s="15" t="s">
        <v>305</v>
      </c>
      <c r="F246" s="16">
        <v>161020</v>
      </c>
    </row>
    <row r="247" spans="1:6" ht="27" customHeight="1" x14ac:dyDescent="0.45">
      <c r="A247" s="17"/>
      <c r="B247" s="18"/>
      <c r="C247" s="15" t="s">
        <v>285</v>
      </c>
      <c r="D247" s="15" t="s">
        <v>112</v>
      </c>
      <c r="E247" s="15" t="s">
        <v>290</v>
      </c>
      <c r="F247" s="16">
        <v>132000</v>
      </c>
    </row>
    <row r="248" spans="1:6" ht="27" customHeight="1" x14ac:dyDescent="0.45">
      <c r="A248" s="17"/>
      <c r="B248" s="18"/>
      <c r="C248" s="15" t="s">
        <v>285</v>
      </c>
      <c r="D248" s="15" t="s">
        <v>112</v>
      </c>
      <c r="E248" s="15" t="s">
        <v>290</v>
      </c>
      <c r="F248" s="16">
        <v>132000</v>
      </c>
    </row>
    <row r="249" spans="1:6" ht="27" customHeight="1" x14ac:dyDescent="0.45">
      <c r="A249" s="17"/>
      <c r="B249" s="18"/>
      <c r="C249" s="15" t="s">
        <v>284</v>
      </c>
      <c r="D249" s="15" t="s">
        <v>112</v>
      </c>
      <c r="E249" s="15" t="s">
        <v>305</v>
      </c>
      <c r="F249" s="16">
        <v>83133</v>
      </c>
    </row>
    <row r="250" spans="1:6" ht="27" customHeight="1" x14ac:dyDescent="0.45">
      <c r="A250" s="17"/>
      <c r="B250" s="18"/>
      <c r="C250" s="15" t="s">
        <v>284</v>
      </c>
      <c r="D250" s="15" t="s">
        <v>112</v>
      </c>
      <c r="E250" s="15" t="s">
        <v>305</v>
      </c>
      <c r="F250" s="16">
        <v>80510</v>
      </c>
    </row>
    <row r="251" spans="1:6" ht="27" customHeight="1" x14ac:dyDescent="0.45">
      <c r="A251" s="17"/>
      <c r="B251" s="18"/>
      <c r="C251" s="15" t="s">
        <v>284</v>
      </c>
      <c r="D251" s="15" t="s">
        <v>112</v>
      </c>
      <c r="E251" s="15" t="s">
        <v>305</v>
      </c>
      <c r="F251" s="16">
        <v>22201</v>
      </c>
    </row>
    <row r="252" spans="1:6" ht="27" customHeight="1" x14ac:dyDescent="0.45">
      <c r="A252" s="17"/>
      <c r="B252" s="18"/>
      <c r="C252" s="15" t="s">
        <v>284</v>
      </c>
      <c r="D252" s="15" t="s">
        <v>112</v>
      </c>
      <c r="E252" s="15" t="s">
        <v>305</v>
      </c>
      <c r="F252" s="16">
        <v>15382</v>
      </c>
    </row>
    <row r="253" spans="1:6" ht="27" customHeight="1" x14ac:dyDescent="0.45">
      <c r="A253" s="17"/>
      <c r="B253" s="18"/>
      <c r="C253" s="15" t="s">
        <v>284</v>
      </c>
      <c r="D253" s="15" t="s">
        <v>112</v>
      </c>
      <c r="E253" s="15" t="s">
        <v>305</v>
      </c>
      <c r="F253" s="16">
        <v>13855</v>
      </c>
    </row>
    <row r="254" spans="1:6" ht="27" customHeight="1" thickBot="1" x14ac:dyDescent="0.5">
      <c r="A254" s="17"/>
      <c r="B254" s="18"/>
      <c r="C254" s="19" t="s">
        <v>284</v>
      </c>
      <c r="D254" s="19" t="s">
        <v>112</v>
      </c>
      <c r="E254" s="19" t="s">
        <v>305</v>
      </c>
      <c r="F254" s="20">
        <v>13418</v>
      </c>
    </row>
    <row r="255" spans="1:6" ht="27" customHeight="1" thickTop="1" x14ac:dyDescent="0.45">
      <c r="A255" s="21"/>
      <c r="B255" s="22"/>
      <c r="C255" s="23" t="s">
        <v>116</v>
      </c>
      <c r="D255" s="24"/>
      <c r="E255" s="25" t="s">
        <v>306</v>
      </c>
      <c r="F255" s="26">
        <v>1354556245</v>
      </c>
    </row>
    <row r="256" spans="1:6" ht="27" customHeight="1" x14ac:dyDescent="0.45">
      <c r="F256" s="3"/>
    </row>
    <row r="257" spans="1:6" ht="27" customHeight="1" x14ac:dyDescent="0.45">
      <c r="A257" s="37" t="s">
        <v>2</v>
      </c>
      <c r="B257" s="37" t="s">
        <v>107</v>
      </c>
      <c r="C257" s="5" t="s">
        <v>108</v>
      </c>
      <c r="D257" s="5" t="s">
        <v>109</v>
      </c>
      <c r="E257" s="5" t="s">
        <v>110</v>
      </c>
      <c r="F257" s="12" t="s">
        <v>5</v>
      </c>
    </row>
    <row r="258" spans="1:6" ht="27" customHeight="1" x14ac:dyDescent="0.45">
      <c r="A258" s="13">
        <v>14</v>
      </c>
      <c r="B258" s="29" t="s">
        <v>70</v>
      </c>
      <c r="C258" s="32" t="s">
        <v>284</v>
      </c>
      <c r="D258" s="15" t="s">
        <v>112</v>
      </c>
      <c r="E258" s="15" t="s">
        <v>305</v>
      </c>
      <c r="F258" s="16">
        <v>609850399</v>
      </c>
    </row>
    <row r="259" spans="1:6" ht="27" customHeight="1" x14ac:dyDescent="0.45">
      <c r="A259" s="17"/>
      <c r="B259" s="30"/>
      <c r="C259" s="32" t="s">
        <v>284</v>
      </c>
      <c r="D259" s="15" t="s">
        <v>112</v>
      </c>
      <c r="E259" s="15" t="s">
        <v>305</v>
      </c>
      <c r="F259" s="16">
        <v>415546206</v>
      </c>
    </row>
    <row r="260" spans="1:6" ht="27" customHeight="1" x14ac:dyDescent="0.45">
      <c r="A260" s="21"/>
      <c r="B260" s="22"/>
      <c r="C260" s="32" t="s">
        <v>284</v>
      </c>
      <c r="D260" s="15" t="s">
        <v>112</v>
      </c>
      <c r="E260" s="15" t="s">
        <v>305</v>
      </c>
      <c r="F260" s="16">
        <v>131619914</v>
      </c>
    </row>
    <row r="261" spans="1:6" ht="27" customHeight="1" x14ac:dyDescent="0.45">
      <c r="A261" s="31"/>
      <c r="B261" s="14"/>
      <c r="C261" s="15" t="s">
        <v>284</v>
      </c>
      <c r="D261" s="15" t="s">
        <v>112</v>
      </c>
      <c r="E261" s="15" t="s">
        <v>305</v>
      </c>
      <c r="F261" s="16">
        <v>97534340</v>
      </c>
    </row>
    <row r="262" spans="1:6" ht="27" customHeight="1" x14ac:dyDescent="0.45">
      <c r="A262" s="17"/>
      <c r="B262" s="18"/>
      <c r="C262" s="15" t="s">
        <v>284</v>
      </c>
      <c r="D262" s="15" t="s">
        <v>112</v>
      </c>
      <c r="E262" s="15" t="s">
        <v>305</v>
      </c>
      <c r="F262" s="16">
        <v>81230698</v>
      </c>
    </row>
    <row r="263" spans="1:6" ht="27" customHeight="1" thickBot="1" x14ac:dyDescent="0.5">
      <c r="A263" s="17"/>
      <c r="B263" s="18"/>
      <c r="C263" s="19" t="s">
        <v>284</v>
      </c>
      <c r="D263" s="19" t="s">
        <v>112</v>
      </c>
      <c r="E263" s="19" t="s">
        <v>305</v>
      </c>
      <c r="F263" s="20">
        <v>5882370</v>
      </c>
    </row>
    <row r="264" spans="1:6" ht="27" customHeight="1" thickTop="1" x14ac:dyDescent="0.45">
      <c r="A264" s="21"/>
      <c r="B264" s="22"/>
      <c r="C264" s="23" t="s">
        <v>116</v>
      </c>
      <c r="D264" s="24"/>
      <c r="E264" s="25" t="s">
        <v>300</v>
      </c>
      <c r="F264" s="26">
        <v>1341663927</v>
      </c>
    </row>
    <row r="265" spans="1:6" ht="27" customHeight="1" x14ac:dyDescent="0.45">
      <c r="F265" s="3"/>
    </row>
    <row r="266" spans="1:6" ht="27" customHeight="1" x14ac:dyDescent="0.45">
      <c r="A266" s="5" t="s">
        <v>2</v>
      </c>
      <c r="B266" s="5" t="s">
        <v>107</v>
      </c>
      <c r="C266" s="5" t="s">
        <v>108</v>
      </c>
      <c r="D266" s="5" t="s">
        <v>109</v>
      </c>
      <c r="E266" s="5" t="s">
        <v>110</v>
      </c>
      <c r="F266" s="12" t="s">
        <v>5</v>
      </c>
    </row>
    <row r="267" spans="1:6" ht="27" customHeight="1" x14ac:dyDescent="0.45">
      <c r="A267" s="13">
        <v>15</v>
      </c>
      <c r="B267" s="14" t="s">
        <v>71</v>
      </c>
      <c r="C267" s="15" t="s">
        <v>284</v>
      </c>
      <c r="D267" s="15" t="s">
        <v>131</v>
      </c>
      <c r="E267" s="15" t="s">
        <v>302</v>
      </c>
      <c r="F267" s="16">
        <v>292784000</v>
      </c>
    </row>
    <row r="268" spans="1:6" ht="27" customHeight="1" x14ac:dyDescent="0.45">
      <c r="A268" s="17"/>
      <c r="B268" s="18"/>
      <c r="C268" s="15" t="s">
        <v>284</v>
      </c>
      <c r="D268" s="15" t="s">
        <v>131</v>
      </c>
      <c r="E268" s="15" t="s">
        <v>302</v>
      </c>
      <c r="F268" s="16">
        <v>275147000</v>
      </c>
    </row>
    <row r="269" spans="1:6" ht="27" customHeight="1" x14ac:dyDescent="0.45">
      <c r="A269" s="17"/>
      <c r="B269" s="18"/>
      <c r="C269" s="15" t="s">
        <v>284</v>
      </c>
      <c r="D269" s="15" t="s">
        <v>131</v>
      </c>
      <c r="E269" s="15" t="s">
        <v>302</v>
      </c>
      <c r="F269" s="16">
        <v>213557000</v>
      </c>
    </row>
    <row r="270" spans="1:6" ht="27" customHeight="1" x14ac:dyDescent="0.45">
      <c r="A270" s="17"/>
      <c r="B270" s="18"/>
      <c r="C270" s="15" t="s">
        <v>284</v>
      </c>
      <c r="D270" s="15" t="s">
        <v>131</v>
      </c>
      <c r="E270" s="15" t="s">
        <v>302</v>
      </c>
      <c r="F270" s="16">
        <v>147727800</v>
      </c>
    </row>
    <row r="271" spans="1:6" ht="27" customHeight="1" x14ac:dyDescent="0.45">
      <c r="A271" s="17"/>
      <c r="B271" s="18"/>
      <c r="C271" s="15" t="s">
        <v>284</v>
      </c>
      <c r="D271" s="15" t="s">
        <v>131</v>
      </c>
      <c r="E271" s="15" t="s">
        <v>302</v>
      </c>
      <c r="F271" s="16">
        <v>111554300</v>
      </c>
    </row>
    <row r="272" spans="1:6" ht="27" customHeight="1" x14ac:dyDescent="0.45">
      <c r="A272" s="17"/>
      <c r="B272" s="18"/>
      <c r="C272" s="32" t="s">
        <v>284</v>
      </c>
      <c r="D272" s="15" t="s">
        <v>131</v>
      </c>
      <c r="E272" s="15" t="s">
        <v>302</v>
      </c>
      <c r="F272" s="16">
        <v>87246000</v>
      </c>
    </row>
    <row r="273" spans="1:6" ht="27" customHeight="1" x14ac:dyDescent="0.45">
      <c r="A273" s="17"/>
      <c r="B273" s="18"/>
      <c r="C273" s="32" t="s">
        <v>284</v>
      </c>
      <c r="D273" s="15" t="s">
        <v>131</v>
      </c>
      <c r="E273" s="15" t="s">
        <v>302</v>
      </c>
      <c r="F273" s="16">
        <v>58479300</v>
      </c>
    </row>
    <row r="274" spans="1:6" ht="27" customHeight="1" x14ac:dyDescent="0.45">
      <c r="A274" s="17"/>
      <c r="B274" s="18"/>
      <c r="C274" s="15" t="s">
        <v>284</v>
      </c>
      <c r="D274" s="15" t="s">
        <v>131</v>
      </c>
      <c r="E274" s="15" t="s">
        <v>302</v>
      </c>
      <c r="F274" s="16">
        <v>43395900</v>
      </c>
    </row>
    <row r="275" spans="1:6" ht="27" customHeight="1" x14ac:dyDescent="0.45">
      <c r="A275" s="17"/>
      <c r="B275" s="18"/>
      <c r="C275" s="15" t="s">
        <v>284</v>
      </c>
      <c r="D275" s="15" t="s">
        <v>131</v>
      </c>
      <c r="E275" s="15" t="s">
        <v>302</v>
      </c>
      <c r="F275" s="16">
        <v>37953450</v>
      </c>
    </row>
    <row r="276" spans="1:6" ht="27" customHeight="1" x14ac:dyDescent="0.45">
      <c r="A276" s="17"/>
      <c r="B276" s="18"/>
      <c r="C276" s="15" t="s">
        <v>284</v>
      </c>
      <c r="D276" s="15" t="s">
        <v>131</v>
      </c>
      <c r="E276" s="15" t="s">
        <v>302</v>
      </c>
      <c r="F276" s="16">
        <v>21120350</v>
      </c>
    </row>
    <row r="277" spans="1:6" ht="27" customHeight="1" x14ac:dyDescent="0.45">
      <c r="A277" s="17"/>
      <c r="B277" s="18"/>
      <c r="C277" s="15" t="s">
        <v>284</v>
      </c>
      <c r="D277" s="15" t="s">
        <v>131</v>
      </c>
      <c r="E277" s="15" t="s">
        <v>302</v>
      </c>
      <c r="F277" s="16">
        <v>4760000</v>
      </c>
    </row>
    <row r="278" spans="1:6" ht="27" customHeight="1" x14ac:dyDescent="0.45">
      <c r="A278" s="17"/>
      <c r="B278" s="18"/>
      <c r="C278" s="15" t="s">
        <v>284</v>
      </c>
      <c r="D278" s="15" t="s">
        <v>131</v>
      </c>
      <c r="E278" s="15" t="s">
        <v>302</v>
      </c>
      <c r="F278" s="16">
        <v>4304000</v>
      </c>
    </row>
    <row r="279" spans="1:6" ht="27" customHeight="1" x14ac:dyDescent="0.45">
      <c r="A279" s="17"/>
      <c r="B279" s="18"/>
      <c r="C279" s="15" t="s">
        <v>284</v>
      </c>
      <c r="D279" s="15" t="s">
        <v>131</v>
      </c>
      <c r="E279" s="15" t="s">
        <v>302</v>
      </c>
      <c r="F279" s="16">
        <v>4160000</v>
      </c>
    </row>
    <row r="280" spans="1:6" ht="27" customHeight="1" x14ac:dyDescent="0.45">
      <c r="A280" s="17"/>
      <c r="B280" s="18"/>
      <c r="C280" s="15" t="s">
        <v>284</v>
      </c>
      <c r="D280" s="15" t="s">
        <v>131</v>
      </c>
      <c r="E280" s="15" t="s">
        <v>302</v>
      </c>
      <c r="F280" s="16">
        <v>3080000</v>
      </c>
    </row>
    <row r="281" spans="1:6" ht="27" customHeight="1" x14ac:dyDescent="0.45">
      <c r="A281" s="17"/>
      <c r="B281" s="18"/>
      <c r="C281" s="15" t="s">
        <v>284</v>
      </c>
      <c r="D281" s="15" t="s">
        <v>131</v>
      </c>
      <c r="E281" s="15" t="s">
        <v>302</v>
      </c>
      <c r="F281" s="16">
        <v>562000</v>
      </c>
    </row>
    <row r="282" spans="1:6" ht="27" customHeight="1" x14ac:dyDescent="0.45">
      <c r="A282" s="17"/>
      <c r="B282" s="18"/>
      <c r="C282" s="15" t="s">
        <v>284</v>
      </c>
      <c r="D282" s="15" t="s">
        <v>131</v>
      </c>
      <c r="E282" s="15" t="s">
        <v>302</v>
      </c>
      <c r="F282" s="16">
        <v>258000</v>
      </c>
    </row>
    <row r="283" spans="1:6" ht="27" customHeight="1" x14ac:dyDescent="0.45">
      <c r="A283" s="17"/>
      <c r="B283" s="18"/>
      <c r="C283" s="15" t="s">
        <v>284</v>
      </c>
      <c r="D283" s="15" t="s">
        <v>131</v>
      </c>
      <c r="E283" s="15" t="s">
        <v>302</v>
      </c>
      <c r="F283" s="16">
        <v>225000</v>
      </c>
    </row>
    <row r="284" spans="1:6" ht="27" customHeight="1" x14ac:dyDescent="0.45">
      <c r="A284" s="17"/>
      <c r="B284" s="18"/>
      <c r="C284" s="15" t="s">
        <v>284</v>
      </c>
      <c r="D284" s="15" t="s">
        <v>129</v>
      </c>
      <c r="E284" s="15" t="s">
        <v>191</v>
      </c>
      <c r="F284" s="16">
        <v>72640</v>
      </c>
    </row>
    <row r="285" spans="1:6" ht="27" customHeight="1" x14ac:dyDescent="0.45">
      <c r="A285" s="17"/>
      <c r="B285" s="18"/>
      <c r="C285" s="15" t="s">
        <v>284</v>
      </c>
      <c r="D285" s="15" t="s">
        <v>129</v>
      </c>
      <c r="E285" s="15" t="s">
        <v>191</v>
      </c>
      <c r="F285" s="16">
        <v>58414</v>
      </c>
    </row>
    <row r="286" spans="1:6" ht="27" customHeight="1" thickBot="1" x14ac:dyDescent="0.5">
      <c r="A286" s="17"/>
      <c r="B286" s="18"/>
      <c r="C286" s="19" t="s">
        <v>284</v>
      </c>
      <c r="D286" s="19" t="s">
        <v>129</v>
      </c>
      <c r="E286" s="19" t="s">
        <v>191</v>
      </c>
      <c r="F286" s="20">
        <v>54177</v>
      </c>
    </row>
    <row r="287" spans="1:6" ht="27" customHeight="1" thickTop="1" x14ac:dyDescent="0.45">
      <c r="A287" s="21"/>
      <c r="B287" s="22"/>
      <c r="C287" s="23" t="s">
        <v>116</v>
      </c>
      <c r="D287" s="24"/>
      <c r="E287" s="25" t="s">
        <v>128</v>
      </c>
      <c r="F287" s="26">
        <v>1306499331</v>
      </c>
    </row>
    <row r="288" spans="1:6" ht="27" customHeight="1" x14ac:dyDescent="0.45">
      <c r="F288" s="3"/>
    </row>
    <row r="289" spans="1:6" ht="27" customHeight="1" x14ac:dyDescent="0.45">
      <c r="A289" s="5" t="s">
        <v>2</v>
      </c>
      <c r="B289" s="5" t="s">
        <v>107</v>
      </c>
      <c r="C289" s="5" t="s">
        <v>108</v>
      </c>
      <c r="D289" s="5" t="s">
        <v>109</v>
      </c>
      <c r="E289" s="5" t="s">
        <v>110</v>
      </c>
      <c r="F289" s="12" t="s">
        <v>5</v>
      </c>
    </row>
    <row r="290" spans="1:6" ht="27" customHeight="1" x14ac:dyDescent="0.45">
      <c r="A290" s="13">
        <v>16</v>
      </c>
      <c r="B290" s="14" t="s">
        <v>72</v>
      </c>
      <c r="C290" s="15" t="s">
        <v>284</v>
      </c>
      <c r="D290" s="15" t="s">
        <v>131</v>
      </c>
      <c r="E290" s="15" t="s">
        <v>302</v>
      </c>
      <c r="F290" s="16">
        <v>432394000</v>
      </c>
    </row>
    <row r="291" spans="1:6" ht="27" customHeight="1" x14ac:dyDescent="0.45">
      <c r="A291" s="17"/>
      <c r="B291" s="18"/>
      <c r="C291" s="15" t="s">
        <v>284</v>
      </c>
      <c r="D291" s="15" t="s">
        <v>129</v>
      </c>
      <c r="E291" s="15" t="s">
        <v>137</v>
      </c>
      <c r="F291" s="16">
        <v>289424000</v>
      </c>
    </row>
    <row r="292" spans="1:6" ht="27" customHeight="1" x14ac:dyDescent="0.45">
      <c r="A292" s="17"/>
      <c r="B292" s="18"/>
      <c r="C292" s="15" t="s">
        <v>284</v>
      </c>
      <c r="D292" s="15" t="s">
        <v>131</v>
      </c>
      <c r="E292" s="15" t="s">
        <v>302</v>
      </c>
      <c r="F292" s="16">
        <v>201557700</v>
      </c>
    </row>
    <row r="293" spans="1:6" ht="27" customHeight="1" x14ac:dyDescent="0.45">
      <c r="A293" s="17"/>
      <c r="B293" s="18"/>
      <c r="C293" s="15" t="s">
        <v>284</v>
      </c>
      <c r="D293" s="15" t="s">
        <v>131</v>
      </c>
      <c r="E293" s="15" t="s">
        <v>302</v>
      </c>
      <c r="F293" s="16">
        <v>112796000</v>
      </c>
    </row>
    <row r="294" spans="1:6" ht="27" customHeight="1" x14ac:dyDescent="0.45">
      <c r="A294" s="17"/>
      <c r="B294" s="18"/>
      <c r="C294" s="15" t="s">
        <v>284</v>
      </c>
      <c r="D294" s="15" t="s">
        <v>131</v>
      </c>
      <c r="E294" s="15" t="s">
        <v>302</v>
      </c>
      <c r="F294" s="16">
        <v>55884750</v>
      </c>
    </row>
    <row r="295" spans="1:6" ht="27" customHeight="1" x14ac:dyDescent="0.45">
      <c r="A295" s="17"/>
      <c r="B295" s="18"/>
      <c r="C295" s="15" t="s">
        <v>284</v>
      </c>
      <c r="D295" s="15" t="s">
        <v>129</v>
      </c>
      <c r="E295" s="15" t="s">
        <v>137</v>
      </c>
      <c r="F295" s="16">
        <v>47431000</v>
      </c>
    </row>
    <row r="296" spans="1:6" ht="27" customHeight="1" x14ac:dyDescent="0.45">
      <c r="A296" s="17"/>
      <c r="B296" s="18"/>
      <c r="C296" s="32" t="s">
        <v>284</v>
      </c>
      <c r="D296" s="15" t="s">
        <v>129</v>
      </c>
      <c r="E296" s="15" t="s">
        <v>191</v>
      </c>
      <c r="F296" s="16">
        <v>47348000</v>
      </c>
    </row>
    <row r="297" spans="1:6" ht="27" customHeight="1" x14ac:dyDescent="0.45">
      <c r="A297" s="21"/>
      <c r="B297" s="22"/>
      <c r="C297" s="32" t="s">
        <v>284</v>
      </c>
      <c r="D297" s="15" t="s">
        <v>129</v>
      </c>
      <c r="E297" s="15" t="s">
        <v>137</v>
      </c>
      <c r="F297" s="16">
        <v>30752000</v>
      </c>
    </row>
    <row r="298" spans="1:6" ht="27" customHeight="1" x14ac:dyDescent="0.45">
      <c r="A298" s="31"/>
      <c r="B298" s="14"/>
      <c r="C298" s="15" t="s">
        <v>284</v>
      </c>
      <c r="D298" s="15" t="s">
        <v>129</v>
      </c>
      <c r="E298" s="15" t="s">
        <v>191</v>
      </c>
      <c r="F298" s="16">
        <v>8806000</v>
      </c>
    </row>
    <row r="299" spans="1:6" ht="27" customHeight="1" x14ac:dyDescent="0.45">
      <c r="A299" s="17"/>
      <c r="B299" s="18"/>
      <c r="C299" s="15" t="s">
        <v>284</v>
      </c>
      <c r="D299" s="15" t="s">
        <v>129</v>
      </c>
      <c r="E299" s="15" t="s">
        <v>137</v>
      </c>
      <c r="F299" s="16">
        <v>8024000</v>
      </c>
    </row>
    <row r="300" spans="1:6" ht="27" customHeight="1" x14ac:dyDescent="0.45">
      <c r="A300" s="17"/>
      <c r="B300" s="18"/>
      <c r="C300" s="15" t="s">
        <v>284</v>
      </c>
      <c r="D300" s="15" t="s">
        <v>129</v>
      </c>
      <c r="E300" s="15" t="s">
        <v>138</v>
      </c>
      <c r="F300" s="16">
        <v>5528000</v>
      </c>
    </row>
    <row r="301" spans="1:6" ht="27" customHeight="1" x14ac:dyDescent="0.45">
      <c r="A301" s="17"/>
      <c r="B301" s="18"/>
      <c r="C301" s="15" t="s">
        <v>284</v>
      </c>
      <c r="D301" s="15" t="s">
        <v>129</v>
      </c>
      <c r="E301" s="15" t="s">
        <v>191</v>
      </c>
      <c r="F301" s="16">
        <v>5233000</v>
      </c>
    </row>
    <row r="302" spans="1:6" ht="27" customHeight="1" x14ac:dyDescent="0.45">
      <c r="A302" s="17"/>
      <c r="B302" s="18"/>
      <c r="C302" s="15" t="s">
        <v>285</v>
      </c>
      <c r="D302" s="15" t="s">
        <v>131</v>
      </c>
      <c r="E302" s="15" t="s">
        <v>307</v>
      </c>
      <c r="F302" s="16">
        <v>4750949</v>
      </c>
    </row>
    <row r="303" spans="1:6" ht="27" customHeight="1" x14ac:dyDescent="0.45">
      <c r="A303" s="17"/>
      <c r="B303" s="18"/>
      <c r="C303" s="15" t="s">
        <v>284</v>
      </c>
      <c r="D303" s="15" t="s">
        <v>129</v>
      </c>
      <c r="E303" s="15" t="s">
        <v>191</v>
      </c>
      <c r="F303" s="16">
        <v>4264000</v>
      </c>
    </row>
    <row r="304" spans="1:6" ht="27" customHeight="1" x14ac:dyDescent="0.45">
      <c r="A304" s="17"/>
      <c r="B304" s="18"/>
      <c r="C304" s="15" t="s">
        <v>284</v>
      </c>
      <c r="D304" s="15" t="s">
        <v>129</v>
      </c>
      <c r="E304" s="15" t="s">
        <v>138</v>
      </c>
      <c r="F304" s="16">
        <v>4185000</v>
      </c>
    </row>
    <row r="305" spans="1:6" ht="27" customHeight="1" x14ac:dyDescent="0.45">
      <c r="A305" s="17"/>
      <c r="B305" s="18"/>
      <c r="C305" s="15" t="s">
        <v>284</v>
      </c>
      <c r="D305" s="15" t="s">
        <v>129</v>
      </c>
      <c r="E305" s="15" t="s">
        <v>191</v>
      </c>
      <c r="F305" s="16">
        <v>2559000</v>
      </c>
    </row>
    <row r="306" spans="1:6" ht="27" customHeight="1" x14ac:dyDescent="0.45">
      <c r="A306" s="17"/>
      <c r="B306" s="18"/>
      <c r="C306" s="32" t="s">
        <v>284</v>
      </c>
      <c r="D306" s="15" t="s">
        <v>129</v>
      </c>
      <c r="E306" s="15" t="s">
        <v>191</v>
      </c>
      <c r="F306" s="16">
        <v>2221000</v>
      </c>
    </row>
    <row r="307" spans="1:6" ht="27" customHeight="1" x14ac:dyDescent="0.45">
      <c r="A307" s="17"/>
      <c r="B307" s="18"/>
      <c r="C307" s="32" t="s">
        <v>284</v>
      </c>
      <c r="D307" s="15" t="s">
        <v>131</v>
      </c>
      <c r="E307" s="15" t="s">
        <v>302</v>
      </c>
      <c r="F307" s="16">
        <v>2130000</v>
      </c>
    </row>
    <row r="308" spans="1:6" ht="27" customHeight="1" x14ac:dyDescent="0.45">
      <c r="A308" s="17"/>
      <c r="B308" s="18"/>
      <c r="C308" s="15" t="s">
        <v>284</v>
      </c>
      <c r="D308" s="15" t="s">
        <v>129</v>
      </c>
      <c r="E308" s="15" t="s">
        <v>191</v>
      </c>
      <c r="F308" s="16">
        <v>1740000</v>
      </c>
    </row>
    <row r="309" spans="1:6" ht="27" customHeight="1" x14ac:dyDescent="0.45">
      <c r="A309" s="17"/>
      <c r="B309" s="18"/>
      <c r="C309" s="15" t="s">
        <v>284</v>
      </c>
      <c r="D309" s="15" t="s">
        <v>129</v>
      </c>
      <c r="E309" s="15" t="s">
        <v>191</v>
      </c>
      <c r="F309" s="16">
        <v>1671325</v>
      </c>
    </row>
    <row r="310" spans="1:6" ht="27" customHeight="1" x14ac:dyDescent="0.45">
      <c r="A310" s="17"/>
      <c r="B310" s="18"/>
      <c r="C310" s="15" t="s">
        <v>284</v>
      </c>
      <c r="D310" s="15" t="s">
        <v>129</v>
      </c>
      <c r="E310" s="15" t="s">
        <v>137</v>
      </c>
      <c r="F310" s="16">
        <v>1497000</v>
      </c>
    </row>
    <row r="311" spans="1:6" ht="27" customHeight="1" x14ac:dyDescent="0.45">
      <c r="A311" s="17"/>
      <c r="B311" s="18"/>
      <c r="C311" s="15" t="s">
        <v>284</v>
      </c>
      <c r="D311" s="15" t="s">
        <v>129</v>
      </c>
      <c r="E311" s="15" t="s">
        <v>191</v>
      </c>
      <c r="F311" s="16">
        <v>1044000</v>
      </c>
    </row>
    <row r="312" spans="1:6" ht="27" customHeight="1" x14ac:dyDescent="0.45">
      <c r="A312" s="17"/>
      <c r="B312" s="18"/>
      <c r="C312" s="15" t="s">
        <v>284</v>
      </c>
      <c r="D312" s="15" t="s">
        <v>131</v>
      </c>
      <c r="E312" s="15" t="s">
        <v>302</v>
      </c>
      <c r="F312" s="16">
        <v>1020000</v>
      </c>
    </row>
    <row r="313" spans="1:6" ht="27" customHeight="1" x14ac:dyDescent="0.45">
      <c r="A313" s="17"/>
      <c r="B313" s="18"/>
      <c r="C313" s="15" t="s">
        <v>285</v>
      </c>
      <c r="D313" s="15" t="s">
        <v>131</v>
      </c>
      <c r="E313" s="15" t="s">
        <v>307</v>
      </c>
      <c r="F313" s="16">
        <v>1000000</v>
      </c>
    </row>
    <row r="314" spans="1:6" ht="27" customHeight="1" x14ac:dyDescent="0.45">
      <c r="A314" s="17"/>
      <c r="B314" s="18"/>
      <c r="C314" s="15" t="s">
        <v>284</v>
      </c>
      <c r="D314" s="15" t="s">
        <v>129</v>
      </c>
      <c r="E314" s="15" t="s">
        <v>137</v>
      </c>
      <c r="F314" s="16">
        <v>974000</v>
      </c>
    </row>
    <row r="315" spans="1:6" ht="27" customHeight="1" x14ac:dyDescent="0.45">
      <c r="A315" s="17"/>
      <c r="B315" s="18"/>
      <c r="C315" s="15" t="s">
        <v>284</v>
      </c>
      <c r="D315" s="15" t="s">
        <v>129</v>
      </c>
      <c r="E315" s="15" t="s">
        <v>191</v>
      </c>
      <c r="F315" s="16">
        <v>603000</v>
      </c>
    </row>
    <row r="316" spans="1:6" ht="27" customHeight="1" x14ac:dyDescent="0.45">
      <c r="A316" s="17"/>
      <c r="B316" s="18"/>
      <c r="C316" s="15" t="s">
        <v>284</v>
      </c>
      <c r="D316" s="15" t="s">
        <v>131</v>
      </c>
      <c r="E316" s="15" t="s">
        <v>302</v>
      </c>
      <c r="F316" s="16">
        <v>258000</v>
      </c>
    </row>
    <row r="317" spans="1:6" ht="27" customHeight="1" x14ac:dyDescent="0.45">
      <c r="A317" s="17"/>
      <c r="B317" s="18"/>
      <c r="C317" s="15" t="s">
        <v>284</v>
      </c>
      <c r="D317" s="15" t="s">
        <v>159</v>
      </c>
      <c r="E317" s="15" t="s">
        <v>160</v>
      </c>
      <c r="F317" s="16">
        <v>76183</v>
      </c>
    </row>
    <row r="318" spans="1:6" ht="27" customHeight="1" x14ac:dyDescent="0.45">
      <c r="A318" s="17"/>
      <c r="B318" s="18"/>
      <c r="C318" s="15" t="s">
        <v>284</v>
      </c>
      <c r="D318" s="15" t="s">
        <v>129</v>
      </c>
      <c r="E318" s="15" t="s">
        <v>191</v>
      </c>
      <c r="F318" s="16">
        <v>70824</v>
      </c>
    </row>
    <row r="319" spans="1:6" ht="27" customHeight="1" thickBot="1" x14ac:dyDescent="0.5">
      <c r="A319" s="17"/>
      <c r="B319" s="18"/>
      <c r="C319" s="19" t="s">
        <v>284</v>
      </c>
      <c r="D319" s="19" t="s">
        <v>129</v>
      </c>
      <c r="E319" s="19" t="s">
        <v>191</v>
      </c>
      <c r="F319" s="20">
        <v>18252</v>
      </c>
    </row>
    <row r="320" spans="1:6" ht="27" customHeight="1" thickTop="1" x14ac:dyDescent="0.45">
      <c r="A320" s="21"/>
      <c r="B320" s="22"/>
      <c r="C320" s="23" t="s">
        <v>116</v>
      </c>
      <c r="D320" s="24"/>
      <c r="E320" s="25" t="s">
        <v>249</v>
      </c>
      <c r="F320" s="26">
        <v>1275260983</v>
      </c>
    </row>
    <row r="321" spans="1:6" ht="27" customHeight="1" x14ac:dyDescent="0.45">
      <c r="F321" s="3"/>
    </row>
    <row r="322" spans="1:6" ht="27" customHeight="1" x14ac:dyDescent="0.45">
      <c r="A322" s="5" t="s">
        <v>2</v>
      </c>
      <c r="B322" s="5" t="s">
        <v>107</v>
      </c>
      <c r="C322" s="5" t="s">
        <v>108</v>
      </c>
      <c r="D322" s="5" t="s">
        <v>109</v>
      </c>
      <c r="E322" s="5" t="s">
        <v>110</v>
      </c>
      <c r="F322" s="12" t="s">
        <v>5</v>
      </c>
    </row>
    <row r="323" spans="1:6" ht="27" customHeight="1" x14ac:dyDescent="0.45">
      <c r="A323" s="13">
        <v>17</v>
      </c>
      <c r="B323" s="14" t="s">
        <v>73</v>
      </c>
      <c r="C323" s="15" t="s">
        <v>284</v>
      </c>
      <c r="D323" s="15" t="s">
        <v>131</v>
      </c>
      <c r="E323" s="15" t="s">
        <v>302</v>
      </c>
      <c r="F323" s="16">
        <v>1126435000</v>
      </c>
    </row>
    <row r="324" spans="1:6" ht="27" customHeight="1" x14ac:dyDescent="0.45">
      <c r="A324" s="17"/>
      <c r="B324" s="18"/>
      <c r="C324" s="15" t="s">
        <v>284</v>
      </c>
      <c r="D324" s="15" t="s">
        <v>131</v>
      </c>
      <c r="E324" s="15" t="s">
        <v>302</v>
      </c>
      <c r="F324" s="16">
        <v>74708700</v>
      </c>
    </row>
    <row r="325" spans="1:6" ht="27" customHeight="1" x14ac:dyDescent="0.45">
      <c r="A325" s="17"/>
      <c r="B325" s="18"/>
      <c r="C325" s="15" t="s">
        <v>284</v>
      </c>
      <c r="D325" s="15" t="s">
        <v>131</v>
      </c>
      <c r="E325" s="15" t="s">
        <v>302</v>
      </c>
      <c r="F325" s="16">
        <v>20190000</v>
      </c>
    </row>
    <row r="326" spans="1:6" ht="27" customHeight="1" x14ac:dyDescent="0.45">
      <c r="A326" s="17"/>
      <c r="B326" s="18"/>
      <c r="C326" s="15" t="s">
        <v>284</v>
      </c>
      <c r="D326" s="15" t="s">
        <v>131</v>
      </c>
      <c r="E326" s="15" t="s">
        <v>302</v>
      </c>
      <c r="F326" s="16">
        <v>15018300</v>
      </c>
    </row>
    <row r="327" spans="1:6" ht="27" customHeight="1" x14ac:dyDescent="0.45">
      <c r="A327" s="17"/>
      <c r="B327" s="18"/>
      <c r="C327" s="15" t="s">
        <v>284</v>
      </c>
      <c r="D327" s="15" t="s">
        <v>131</v>
      </c>
      <c r="E327" s="15" t="s">
        <v>302</v>
      </c>
      <c r="F327" s="16">
        <v>11923800</v>
      </c>
    </row>
    <row r="328" spans="1:6" ht="27" customHeight="1" x14ac:dyDescent="0.45">
      <c r="A328" s="17"/>
      <c r="B328" s="18"/>
      <c r="C328" s="15" t="s">
        <v>284</v>
      </c>
      <c r="D328" s="15" t="s">
        <v>131</v>
      </c>
      <c r="E328" s="15" t="s">
        <v>302</v>
      </c>
      <c r="F328" s="16">
        <v>1888200</v>
      </c>
    </row>
    <row r="329" spans="1:6" ht="27" customHeight="1" x14ac:dyDescent="0.45">
      <c r="A329" s="17"/>
      <c r="B329" s="18"/>
      <c r="C329" s="15" t="s">
        <v>287</v>
      </c>
      <c r="D329" s="15" t="s">
        <v>159</v>
      </c>
      <c r="E329" s="15" t="s">
        <v>308</v>
      </c>
      <c r="F329" s="16">
        <v>550000</v>
      </c>
    </row>
    <row r="330" spans="1:6" ht="27" customHeight="1" x14ac:dyDescent="0.45">
      <c r="A330" s="17"/>
      <c r="B330" s="18"/>
      <c r="C330" s="15" t="s">
        <v>284</v>
      </c>
      <c r="D330" s="15" t="s">
        <v>129</v>
      </c>
      <c r="E330" s="15" t="s">
        <v>191</v>
      </c>
      <c r="F330" s="16">
        <v>335052</v>
      </c>
    </row>
    <row r="331" spans="1:6" ht="27" customHeight="1" x14ac:dyDescent="0.45">
      <c r="A331" s="17"/>
      <c r="B331" s="18"/>
      <c r="C331" s="15" t="s">
        <v>284</v>
      </c>
      <c r="D331" s="15" t="s">
        <v>131</v>
      </c>
      <c r="E331" s="15" t="s">
        <v>302</v>
      </c>
      <c r="F331" s="16">
        <v>168000</v>
      </c>
    </row>
    <row r="332" spans="1:6" ht="27" customHeight="1" x14ac:dyDescent="0.45">
      <c r="A332" s="17"/>
      <c r="B332" s="18"/>
      <c r="C332" s="32" t="s">
        <v>284</v>
      </c>
      <c r="D332" s="15" t="s">
        <v>129</v>
      </c>
      <c r="E332" s="15" t="s">
        <v>191</v>
      </c>
      <c r="F332" s="16">
        <v>71429</v>
      </c>
    </row>
    <row r="333" spans="1:6" ht="27" customHeight="1" thickBot="1" x14ac:dyDescent="0.5">
      <c r="A333" s="17"/>
      <c r="B333" s="18"/>
      <c r="C333" s="33" t="s">
        <v>284</v>
      </c>
      <c r="D333" s="19" t="s">
        <v>159</v>
      </c>
      <c r="E333" s="19" t="s">
        <v>160</v>
      </c>
      <c r="F333" s="20">
        <v>5365</v>
      </c>
    </row>
    <row r="334" spans="1:6" ht="27" customHeight="1" thickTop="1" x14ac:dyDescent="0.45">
      <c r="A334" s="21"/>
      <c r="B334" s="22"/>
      <c r="C334" s="23" t="s">
        <v>116</v>
      </c>
      <c r="D334" s="24"/>
      <c r="E334" s="25" t="s">
        <v>229</v>
      </c>
      <c r="F334" s="26">
        <v>1251293846</v>
      </c>
    </row>
    <row r="335" spans="1:6" ht="27" hidden="1" customHeight="1" x14ac:dyDescent="0.45">
      <c r="F335" s="3"/>
    </row>
    <row r="336" spans="1:6" ht="27" customHeight="1" x14ac:dyDescent="0.45">
      <c r="A336" s="5" t="s">
        <v>2</v>
      </c>
      <c r="B336" s="5" t="s">
        <v>107</v>
      </c>
      <c r="C336" s="5" t="s">
        <v>108</v>
      </c>
      <c r="D336" s="5" t="s">
        <v>109</v>
      </c>
      <c r="E336" s="5" t="s">
        <v>110</v>
      </c>
      <c r="F336" s="12" t="s">
        <v>5</v>
      </c>
    </row>
    <row r="337" spans="1:6" ht="27" customHeight="1" x14ac:dyDescent="0.45">
      <c r="A337" s="13">
        <v>18</v>
      </c>
      <c r="B337" s="14" t="s">
        <v>74</v>
      </c>
      <c r="C337" s="15" t="s">
        <v>284</v>
      </c>
      <c r="D337" s="15" t="s">
        <v>131</v>
      </c>
      <c r="E337" s="15" t="s">
        <v>302</v>
      </c>
      <c r="F337" s="16">
        <v>882146000</v>
      </c>
    </row>
    <row r="338" spans="1:6" ht="27" customHeight="1" x14ac:dyDescent="0.45">
      <c r="A338" s="17"/>
      <c r="B338" s="18"/>
      <c r="C338" s="15" t="s">
        <v>284</v>
      </c>
      <c r="D338" s="15" t="s">
        <v>131</v>
      </c>
      <c r="E338" s="15" t="s">
        <v>302</v>
      </c>
      <c r="F338" s="16">
        <v>143701800</v>
      </c>
    </row>
    <row r="339" spans="1:6" ht="27" customHeight="1" x14ac:dyDescent="0.45">
      <c r="A339" s="17"/>
      <c r="B339" s="18"/>
      <c r="C339" s="15" t="s">
        <v>284</v>
      </c>
      <c r="D339" s="15" t="s">
        <v>131</v>
      </c>
      <c r="E339" s="15" t="s">
        <v>302</v>
      </c>
      <c r="F339" s="16">
        <v>94842000</v>
      </c>
    </row>
    <row r="340" spans="1:6" ht="27" customHeight="1" x14ac:dyDescent="0.45">
      <c r="A340" s="17"/>
      <c r="B340" s="18"/>
      <c r="C340" s="32" t="s">
        <v>284</v>
      </c>
      <c r="D340" s="15" t="s">
        <v>131</v>
      </c>
      <c r="E340" s="15" t="s">
        <v>302</v>
      </c>
      <c r="F340" s="16">
        <v>41457300</v>
      </c>
    </row>
    <row r="341" spans="1:6" ht="27" customHeight="1" x14ac:dyDescent="0.45">
      <c r="A341" s="17"/>
      <c r="B341" s="18"/>
      <c r="C341" s="32" t="s">
        <v>284</v>
      </c>
      <c r="D341" s="15" t="s">
        <v>131</v>
      </c>
      <c r="E341" s="15" t="s">
        <v>302</v>
      </c>
      <c r="F341" s="16">
        <v>30984200</v>
      </c>
    </row>
    <row r="342" spans="1:6" ht="27" customHeight="1" thickBot="1" x14ac:dyDescent="0.5">
      <c r="A342" s="17"/>
      <c r="B342" s="18"/>
      <c r="C342" s="19" t="s">
        <v>284</v>
      </c>
      <c r="D342" s="19" t="s">
        <v>131</v>
      </c>
      <c r="E342" s="19" t="s">
        <v>302</v>
      </c>
      <c r="F342" s="20">
        <v>10660000</v>
      </c>
    </row>
    <row r="343" spans="1:6" ht="27" customHeight="1" thickTop="1" x14ac:dyDescent="0.45">
      <c r="A343" s="21"/>
      <c r="B343" s="22"/>
      <c r="C343" s="23" t="s">
        <v>116</v>
      </c>
      <c r="D343" s="24"/>
      <c r="E343" s="25" t="s">
        <v>300</v>
      </c>
      <c r="F343" s="26">
        <v>1203791300</v>
      </c>
    </row>
    <row r="344" spans="1:6" ht="27" customHeight="1" x14ac:dyDescent="0.45">
      <c r="F344" s="3"/>
    </row>
    <row r="345" spans="1:6" ht="27" customHeight="1" x14ac:dyDescent="0.45">
      <c r="A345" s="5" t="s">
        <v>2</v>
      </c>
      <c r="B345" s="5" t="s">
        <v>107</v>
      </c>
      <c r="C345" s="5" t="s">
        <v>108</v>
      </c>
      <c r="D345" s="5" t="s">
        <v>109</v>
      </c>
      <c r="E345" s="5" t="s">
        <v>110</v>
      </c>
      <c r="F345" s="12" t="s">
        <v>5</v>
      </c>
    </row>
    <row r="346" spans="1:6" ht="27" customHeight="1" x14ac:dyDescent="0.45">
      <c r="A346" s="13">
        <v>19</v>
      </c>
      <c r="B346" s="14" t="s">
        <v>75</v>
      </c>
      <c r="C346" s="15" t="s">
        <v>284</v>
      </c>
      <c r="D346" s="15" t="s">
        <v>131</v>
      </c>
      <c r="E346" s="15" t="s">
        <v>302</v>
      </c>
      <c r="F346" s="16">
        <v>764310000</v>
      </c>
    </row>
    <row r="347" spans="1:6" ht="27" customHeight="1" x14ac:dyDescent="0.45">
      <c r="A347" s="17"/>
      <c r="B347" s="18"/>
      <c r="C347" s="15" t="s">
        <v>284</v>
      </c>
      <c r="D347" s="15" t="s">
        <v>131</v>
      </c>
      <c r="E347" s="15" t="s">
        <v>302</v>
      </c>
      <c r="F347" s="16">
        <v>160842300</v>
      </c>
    </row>
    <row r="348" spans="1:6" ht="27" customHeight="1" x14ac:dyDescent="0.45">
      <c r="A348" s="17"/>
      <c r="B348" s="18"/>
      <c r="C348" s="15" t="s">
        <v>284</v>
      </c>
      <c r="D348" s="15" t="s">
        <v>131</v>
      </c>
      <c r="E348" s="15" t="s">
        <v>302</v>
      </c>
      <c r="F348" s="16">
        <v>72114900</v>
      </c>
    </row>
    <row r="349" spans="1:6" ht="27" customHeight="1" x14ac:dyDescent="0.45">
      <c r="A349" s="17"/>
      <c r="B349" s="18"/>
      <c r="C349" s="15" t="s">
        <v>284</v>
      </c>
      <c r="D349" s="15" t="s">
        <v>131</v>
      </c>
      <c r="E349" s="15" t="s">
        <v>302</v>
      </c>
      <c r="F349" s="16">
        <v>59181000</v>
      </c>
    </row>
    <row r="350" spans="1:6" ht="27" customHeight="1" x14ac:dyDescent="0.45">
      <c r="A350" s="17"/>
      <c r="B350" s="18"/>
      <c r="C350" s="15" t="s">
        <v>284</v>
      </c>
      <c r="D350" s="15" t="s">
        <v>131</v>
      </c>
      <c r="E350" s="15" t="s">
        <v>302</v>
      </c>
      <c r="F350" s="16">
        <v>31566000</v>
      </c>
    </row>
    <row r="351" spans="1:6" ht="27" customHeight="1" x14ac:dyDescent="0.45">
      <c r="A351" s="17"/>
      <c r="B351" s="18"/>
      <c r="C351" s="15" t="s">
        <v>284</v>
      </c>
      <c r="D351" s="15" t="s">
        <v>131</v>
      </c>
      <c r="E351" s="15" t="s">
        <v>302</v>
      </c>
      <c r="F351" s="16">
        <v>20864000</v>
      </c>
    </row>
    <row r="352" spans="1:6" ht="27" customHeight="1" x14ac:dyDescent="0.45">
      <c r="A352" s="17"/>
      <c r="B352" s="18"/>
      <c r="C352" s="15" t="s">
        <v>284</v>
      </c>
      <c r="D352" s="15" t="s">
        <v>131</v>
      </c>
      <c r="E352" s="15" t="s">
        <v>302</v>
      </c>
      <c r="F352" s="16">
        <v>16070000</v>
      </c>
    </row>
    <row r="353" spans="1:6" ht="27" customHeight="1" x14ac:dyDescent="0.45">
      <c r="A353" s="17"/>
      <c r="B353" s="18"/>
      <c r="C353" s="15" t="s">
        <v>284</v>
      </c>
      <c r="D353" s="15" t="s">
        <v>131</v>
      </c>
      <c r="E353" s="15" t="s">
        <v>302</v>
      </c>
      <c r="F353" s="16">
        <v>8259000</v>
      </c>
    </row>
    <row r="354" spans="1:6" ht="27" customHeight="1" x14ac:dyDescent="0.45">
      <c r="A354" s="17"/>
      <c r="B354" s="18"/>
      <c r="C354" s="15" t="s">
        <v>284</v>
      </c>
      <c r="D354" s="15" t="s">
        <v>131</v>
      </c>
      <c r="E354" s="15" t="s">
        <v>302</v>
      </c>
      <c r="F354" s="16">
        <v>4704000</v>
      </c>
    </row>
    <row r="355" spans="1:6" ht="27" customHeight="1" x14ac:dyDescent="0.45">
      <c r="A355" s="17"/>
      <c r="B355" s="18"/>
      <c r="C355" s="15" t="s">
        <v>284</v>
      </c>
      <c r="D355" s="15" t="s">
        <v>131</v>
      </c>
      <c r="E355" s="15" t="s">
        <v>302</v>
      </c>
      <c r="F355" s="16">
        <v>1892000</v>
      </c>
    </row>
    <row r="356" spans="1:6" ht="27" customHeight="1" x14ac:dyDescent="0.45">
      <c r="A356" s="17"/>
      <c r="B356" s="18"/>
      <c r="C356" s="15" t="s">
        <v>284</v>
      </c>
      <c r="D356" s="15" t="s">
        <v>131</v>
      </c>
      <c r="E356" s="15" t="s">
        <v>302</v>
      </c>
      <c r="F356" s="16">
        <v>1280000</v>
      </c>
    </row>
    <row r="357" spans="1:6" ht="27" customHeight="1" x14ac:dyDescent="0.45">
      <c r="A357" s="17"/>
      <c r="B357" s="18"/>
      <c r="C357" s="15" t="s">
        <v>284</v>
      </c>
      <c r="D357" s="15" t="s">
        <v>131</v>
      </c>
      <c r="E357" s="15" t="s">
        <v>302</v>
      </c>
      <c r="F357" s="16">
        <v>200000</v>
      </c>
    </row>
    <row r="358" spans="1:6" ht="27" customHeight="1" x14ac:dyDescent="0.45">
      <c r="A358" s="17"/>
      <c r="B358" s="18"/>
      <c r="C358" s="15" t="s">
        <v>284</v>
      </c>
      <c r="D358" s="15" t="s">
        <v>131</v>
      </c>
      <c r="E358" s="15" t="s">
        <v>302</v>
      </c>
      <c r="F358" s="16">
        <v>168000</v>
      </c>
    </row>
    <row r="359" spans="1:6" ht="27" customHeight="1" x14ac:dyDescent="0.45">
      <c r="A359" s="17"/>
      <c r="B359" s="18"/>
      <c r="C359" s="15" t="s">
        <v>284</v>
      </c>
      <c r="D359" s="15" t="s">
        <v>131</v>
      </c>
      <c r="E359" s="15" t="s">
        <v>302</v>
      </c>
      <c r="F359" s="16">
        <v>74000</v>
      </c>
    </row>
    <row r="360" spans="1:6" ht="27" customHeight="1" thickBot="1" x14ac:dyDescent="0.5">
      <c r="A360" s="17"/>
      <c r="B360" s="18"/>
      <c r="C360" s="19" t="s">
        <v>284</v>
      </c>
      <c r="D360" s="19" t="s">
        <v>131</v>
      </c>
      <c r="E360" s="19" t="s">
        <v>302</v>
      </c>
      <c r="F360" s="20">
        <v>56000</v>
      </c>
    </row>
    <row r="361" spans="1:6" ht="27" customHeight="1" thickTop="1" x14ac:dyDescent="0.45">
      <c r="A361" s="21"/>
      <c r="B361" s="22"/>
      <c r="C361" s="23" t="s">
        <v>116</v>
      </c>
      <c r="D361" s="24"/>
      <c r="E361" s="25" t="s">
        <v>219</v>
      </c>
      <c r="F361" s="26">
        <v>1141581200</v>
      </c>
    </row>
    <row r="362" spans="1:6" ht="27" customHeight="1" x14ac:dyDescent="0.45">
      <c r="F362" s="3"/>
    </row>
    <row r="363" spans="1:6" ht="27" customHeight="1" x14ac:dyDescent="0.45">
      <c r="A363" s="5" t="s">
        <v>2</v>
      </c>
      <c r="B363" s="5" t="s">
        <v>107</v>
      </c>
      <c r="C363" s="5" t="s">
        <v>108</v>
      </c>
      <c r="D363" s="5" t="s">
        <v>109</v>
      </c>
      <c r="E363" s="5" t="s">
        <v>110</v>
      </c>
      <c r="F363" s="12" t="s">
        <v>5</v>
      </c>
    </row>
    <row r="364" spans="1:6" ht="27" customHeight="1" x14ac:dyDescent="0.45">
      <c r="A364" s="13">
        <v>20</v>
      </c>
      <c r="B364" s="29" t="s">
        <v>76</v>
      </c>
      <c r="C364" s="15" t="s">
        <v>284</v>
      </c>
      <c r="D364" s="15" t="s">
        <v>129</v>
      </c>
      <c r="E364" s="15" t="s">
        <v>191</v>
      </c>
      <c r="F364" s="16">
        <v>328995000</v>
      </c>
    </row>
    <row r="365" spans="1:6" ht="27" customHeight="1" x14ac:dyDescent="0.45">
      <c r="A365" s="17"/>
      <c r="B365" s="30"/>
      <c r="C365" s="15" t="s">
        <v>284</v>
      </c>
      <c r="D365" s="15" t="s">
        <v>129</v>
      </c>
      <c r="E365" s="15" t="s">
        <v>191</v>
      </c>
      <c r="F365" s="16">
        <v>203936000</v>
      </c>
    </row>
    <row r="366" spans="1:6" ht="27" customHeight="1" x14ac:dyDescent="0.45">
      <c r="A366" s="17"/>
      <c r="B366" s="18"/>
      <c r="C366" s="15" t="s">
        <v>284</v>
      </c>
      <c r="D366" s="15" t="s">
        <v>129</v>
      </c>
      <c r="E366" s="15" t="s">
        <v>191</v>
      </c>
      <c r="F366" s="16">
        <v>166304000</v>
      </c>
    </row>
    <row r="367" spans="1:6" ht="27" customHeight="1" x14ac:dyDescent="0.45">
      <c r="A367" s="17"/>
      <c r="B367" s="18"/>
      <c r="C367" s="15" t="s">
        <v>284</v>
      </c>
      <c r="D367" s="15" t="s">
        <v>129</v>
      </c>
      <c r="E367" s="15" t="s">
        <v>191</v>
      </c>
      <c r="F367" s="16">
        <v>81291000</v>
      </c>
    </row>
    <row r="368" spans="1:6" ht="27" customHeight="1" x14ac:dyDescent="0.45">
      <c r="A368" s="17"/>
      <c r="B368" s="18"/>
      <c r="C368" s="15" t="s">
        <v>284</v>
      </c>
      <c r="D368" s="15" t="s">
        <v>129</v>
      </c>
      <c r="E368" s="15" t="s">
        <v>191</v>
      </c>
      <c r="F368" s="16">
        <v>68362000</v>
      </c>
    </row>
    <row r="369" spans="1:6" ht="27" customHeight="1" x14ac:dyDescent="0.45">
      <c r="A369" s="17"/>
      <c r="B369" s="18"/>
      <c r="C369" s="32" t="s">
        <v>284</v>
      </c>
      <c r="D369" s="15" t="s">
        <v>129</v>
      </c>
      <c r="E369" s="15" t="s">
        <v>137</v>
      </c>
      <c r="F369" s="16">
        <v>51877000</v>
      </c>
    </row>
    <row r="370" spans="1:6" ht="27" customHeight="1" x14ac:dyDescent="0.45">
      <c r="A370" s="17"/>
      <c r="B370" s="18"/>
      <c r="C370" s="32" t="s">
        <v>284</v>
      </c>
      <c r="D370" s="15" t="s">
        <v>129</v>
      </c>
      <c r="E370" s="15" t="s">
        <v>137</v>
      </c>
      <c r="F370" s="16">
        <v>35380000</v>
      </c>
    </row>
    <row r="371" spans="1:6" ht="27" customHeight="1" x14ac:dyDescent="0.45">
      <c r="A371" s="17"/>
      <c r="B371" s="18"/>
      <c r="C371" s="15" t="s">
        <v>284</v>
      </c>
      <c r="D371" s="15" t="s">
        <v>129</v>
      </c>
      <c r="E371" s="15" t="s">
        <v>137</v>
      </c>
      <c r="F371" s="16">
        <v>35380000</v>
      </c>
    </row>
    <row r="372" spans="1:6" ht="27" customHeight="1" x14ac:dyDescent="0.45">
      <c r="A372" s="21"/>
      <c r="B372" s="22"/>
      <c r="C372" s="15" t="s">
        <v>284</v>
      </c>
      <c r="D372" s="15" t="s">
        <v>129</v>
      </c>
      <c r="E372" s="15" t="s">
        <v>137</v>
      </c>
      <c r="F372" s="16">
        <v>26738000</v>
      </c>
    </row>
    <row r="373" spans="1:6" ht="27" customHeight="1" x14ac:dyDescent="0.45">
      <c r="A373" s="31"/>
      <c r="B373" s="14"/>
      <c r="C373" s="15" t="s">
        <v>284</v>
      </c>
      <c r="D373" s="15" t="s">
        <v>129</v>
      </c>
      <c r="E373" s="15" t="s">
        <v>137</v>
      </c>
      <c r="F373" s="16">
        <v>22220000</v>
      </c>
    </row>
    <row r="374" spans="1:6" ht="27" customHeight="1" x14ac:dyDescent="0.45">
      <c r="A374" s="17"/>
      <c r="B374" s="18"/>
      <c r="C374" s="32" t="s">
        <v>284</v>
      </c>
      <c r="D374" s="15" t="s">
        <v>129</v>
      </c>
      <c r="E374" s="15" t="s">
        <v>191</v>
      </c>
      <c r="F374" s="16">
        <v>21360000</v>
      </c>
    </row>
    <row r="375" spans="1:6" ht="27" customHeight="1" x14ac:dyDescent="0.45">
      <c r="A375" s="17"/>
      <c r="B375" s="18"/>
      <c r="C375" s="32" t="s">
        <v>284</v>
      </c>
      <c r="D375" s="15" t="s">
        <v>129</v>
      </c>
      <c r="E375" s="15" t="s">
        <v>191</v>
      </c>
      <c r="F375" s="16">
        <v>9255000</v>
      </c>
    </row>
    <row r="376" spans="1:6" ht="27" customHeight="1" x14ac:dyDescent="0.45">
      <c r="A376" s="17"/>
      <c r="B376" s="18"/>
      <c r="C376" s="15" t="s">
        <v>284</v>
      </c>
      <c r="D376" s="15" t="s">
        <v>131</v>
      </c>
      <c r="E376" s="15" t="s">
        <v>302</v>
      </c>
      <c r="F376" s="16">
        <v>8232000</v>
      </c>
    </row>
    <row r="377" spans="1:6" ht="27" customHeight="1" x14ac:dyDescent="0.45">
      <c r="A377" s="17"/>
      <c r="B377" s="18"/>
      <c r="C377" s="15" t="s">
        <v>284</v>
      </c>
      <c r="D377" s="15" t="s">
        <v>129</v>
      </c>
      <c r="E377" s="15" t="s">
        <v>137</v>
      </c>
      <c r="F377" s="16">
        <v>8024000</v>
      </c>
    </row>
    <row r="378" spans="1:6" ht="27" customHeight="1" x14ac:dyDescent="0.45">
      <c r="A378" s="17"/>
      <c r="B378" s="18"/>
      <c r="C378" s="15" t="s">
        <v>284</v>
      </c>
      <c r="D378" s="15" t="s">
        <v>129</v>
      </c>
      <c r="E378" s="15" t="s">
        <v>137</v>
      </c>
      <c r="F378" s="16">
        <v>8024000</v>
      </c>
    </row>
    <row r="379" spans="1:6" ht="27" customHeight="1" x14ac:dyDescent="0.45">
      <c r="A379" s="17"/>
      <c r="B379" s="18"/>
      <c r="C379" s="15" t="s">
        <v>284</v>
      </c>
      <c r="D379" s="15" t="s">
        <v>129</v>
      </c>
      <c r="E379" s="15" t="s">
        <v>191</v>
      </c>
      <c r="F379" s="16">
        <v>7552000</v>
      </c>
    </row>
    <row r="380" spans="1:6" ht="27" customHeight="1" x14ac:dyDescent="0.45">
      <c r="A380" s="17"/>
      <c r="B380" s="18"/>
      <c r="C380" s="15" t="s">
        <v>285</v>
      </c>
      <c r="D380" s="15" t="s">
        <v>131</v>
      </c>
      <c r="E380" s="15" t="s">
        <v>302</v>
      </c>
      <c r="F380" s="16">
        <v>5703500</v>
      </c>
    </row>
    <row r="381" spans="1:6" ht="27" customHeight="1" x14ac:dyDescent="0.45">
      <c r="A381" s="17"/>
      <c r="B381" s="18"/>
      <c r="C381" s="15" t="s">
        <v>284</v>
      </c>
      <c r="D381" s="15" t="s">
        <v>129</v>
      </c>
      <c r="E381" s="15" t="s">
        <v>138</v>
      </c>
      <c r="F381" s="16">
        <v>5528000</v>
      </c>
    </row>
    <row r="382" spans="1:6" ht="27" customHeight="1" x14ac:dyDescent="0.45">
      <c r="A382" s="17"/>
      <c r="B382" s="18"/>
      <c r="C382" s="15" t="s">
        <v>284</v>
      </c>
      <c r="D382" s="15" t="s">
        <v>129</v>
      </c>
      <c r="E382" s="15" t="s">
        <v>191</v>
      </c>
      <c r="F382" s="16">
        <v>5394000</v>
      </c>
    </row>
    <row r="383" spans="1:6" ht="27" customHeight="1" x14ac:dyDescent="0.45">
      <c r="A383" s="17"/>
      <c r="B383" s="18"/>
      <c r="C383" s="15" t="s">
        <v>284</v>
      </c>
      <c r="D383" s="15" t="s">
        <v>129</v>
      </c>
      <c r="E383" s="15" t="s">
        <v>191</v>
      </c>
      <c r="F383" s="16">
        <v>5388000</v>
      </c>
    </row>
    <row r="384" spans="1:6" ht="27" customHeight="1" x14ac:dyDescent="0.45">
      <c r="A384" s="17"/>
      <c r="B384" s="18"/>
      <c r="C384" s="15" t="s">
        <v>284</v>
      </c>
      <c r="D384" s="15" t="s">
        <v>129</v>
      </c>
      <c r="E384" s="15" t="s">
        <v>191</v>
      </c>
      <c r="F384" s="16">
        <v>4319000</v>
      </c>
    </row>
    <row r="385" spans="1:6" ht="27" customHeight="1" x14ac:dyDescent="0.45">
      <c r="A385" s="17"/>
      <c r="B385" s="18"/>
      <c r="C385" s="15" t="s">
        <v>284</v>
      </c>
      <c r="D385" s="15" t="s">
        <v>129</v>
      </c>
      <c r="E385" s="15" t="s">
        <v>138</v>
      </c>
      <c r="F385" s="16">
        <v>4185000</v>
      </c>
    </row>
    <row r="386" spans="1:6" ht="27" customHeight="1" x14ac:dyDescent="0.45">
      <c r="A386" s="17"/>
      <c r="B386" s="18"/>
      <c r="C386" s="15" t="s">
        <v>284</v>
      </c>
      <c r="D386" s="15" t="s">
        <v>129</v>
      </c>
      <c r="E386" s="15" t="s">
        <v>191</v>
      </c>
      <c r="F386" s="16">
        <v>3742000</v>
      </c>
    </row>
    <row r="387" spans="1:6" ht="27" customHeight="1" x14ac:dyDescent="0.45">
      <c r="A387" s="17"/>
      <c r="B387" s="18"/>
      <c r="C387" s="15" t="s">
        <v>284</v>
      </c>
      <c r="D387" s="15" t="s">
        <v>131</v>
      </c>
      <c r="E387" s="15" t="s">
        <v>302</v>
      </c>
      <c r="F387" s="16">
        <v>3550000</v>
      </c>
    </row>
    <row r="388" spans="1:6" ht="27" customHeight="1" x14ac:dyDescent="0.45">
      <c r="A388" s="17"/>
      <c r="B388" s="18"/>
      <c r="C388" s="15" t="s">
        <v>284</v>
      </c>
      <c r="D388" s="15" t="s">
        <v>129</v>
      </c>
      <c r="E388" s="15" t="s">
        <v>191</v>
      </c>
      <c r="F388" s="16">
        <v>3230000</v>
      </c>
    </row>
    <row r="389" spans="1:6" ht="27" customHeight="1" x14ac:dyDescent="0.45">
      <c r="A389" s="17"/>
      <c r="B389" s="18"/>
      <c r="C389" s="15" t="s">
        <v>284</v>
      </c>
      <c r="D389" s="15" t="s">
        <v>129</v>
      </c>
      <c r="E389" s="15" t="s">
        <v>191</v>
      </c>
      <c r="F389" s="16">
        <v>3135000</v>
      </c>
    </row>
    <row r="390" spans="1:6" ht="27" customHeight="1" x14ac:dyDescent="0.45">
      <c r="A390" s="17"/>
      <c r="B390" s="18"/>
      <c r="C390" s="15" t="s">
        <v>284</v>
      </c>
      <c r="D390" s="15" t="s">
        <v>129</v>
      </c>
      <c r="E390" s="15" t="s">
        <v>191</v>
      </c>
      <c r="F390" s="16">
        <v>2092000</v>
      </c>
    </row>
    <row r="391" spans="1:6" ht="27" customHeight="1" x14ac:dyDescent="0.45">
      <c r="A391" s="17"/>
      <c r="B391" s="18"/>
      <c r="C391" s="15" t="s">
        <v>284</v>
      </c>
      <c r="D391" s="15" t="s">
        <v>129</v>
      </c>
      <c r="E391" s="15" t="s">
        <v>137</v>
      </c>
      <c r="F391" s="16">
        <v>1893000</v>
      </c>
    </row>
    <row r="392" spans="1:6" ht="27" customHeight="1" x14ac:dyDescent="0.45">
      <c r="A392" s="17"/>
      <c r="B392" s="18"/>
      <c r="C392" s="15" t="s">
        <v>284</v>
      </c>
      <c r="D392" s="15" t="s">
        <v>129</v>
      </c>
      <c r="E392" s="15" t="s">
        <v>137</v>
      </c>
      <c r="F392" s="16">
        <v>1893000</v>
      </c>
    </row>
    <row r="393" spans="1:6" ht="27" customHeight="1" x14ac:dyDescent="0.45">
      <c r="A393" s="17"/>
      <c r="B393" s="18"/>
      <c r="C393" s="15" t="s">
        <v>284</v>
      </c>
      <c r="D393" s="15" t="s">
        <v>129</v>
      </c>
      <c r="E393" s="15" t="s">
        <v>191</v>
      </c>
      <c r="F393" s="16">
        <v>931000</v>
      </c>
    </row>
    <row r="394" spans="1:6" ht="27" customHeight="1" x14ac:dyDescent="0.45">
      <c r="A394" s="17"/>
      <c r="B394" s="18"/>
      <c r="C394" s="15" t="s">
        <v>284</v>
      </c>
      <c r="D394" s="15" t="s">
        <v>129</v>
      </c>
      <c r="E394" s="15" t="s">
        <v>191</v>
      </c>
      <c r="F394" s="16">
        <v>829000</v>
      </c>
    </row>
    <row r="395" spans="1:6" ht="27" customHeight="1" x14ac:dyDescent="0.45">
      <c r="A395" s="17"/>
      <c r="B395" s="18"/>
      <c r="C395" s="15" t="s">
        <v>284</v>
      </c>
      <c r="D395" s="15" t="s">
        <v>129</v>
      </c>
      <c r="E395" s="15" t="s">
        <v>191</v>
      </c>
      <c r="F395" s="16">
        <v>812000</v>
      </c>
    </row>
    <row r="396" spans="1:6" ht="27" customHeight="1" x14ac:dyDescent="0.45">
      <c r="A396" s="17"/>
      <c r="B396" s="18"/>
      <c r="C396" s="15" t="s">
        <v>284</v>
      </c>
      <c r="D396" s="15" t="s">
        <v>129</v>
      </c>
      <c r="E396" s="15" t="s">
        <v>137</v>
      </c>
      <c r="F396" s="16">
        <v>799000</v>
      </c>
    </row>
    <row r="397" spans="1:6" ht="27" customHeight="1" x14ac:dyDescent="0.45">
      <c r="A397" s="17"/>
      <c r="B397" s="18"/>
      <c r="C397" s="15" t="s">
        <v>284</v>
      </c>
      <c r="D397" s="15" t="s">
        <v>129</v>
      </c>
      <c r="E397" s="15" t="s">
        <v>191</v>
      </c>
      <c r="F397" s="16">
        <v>680000</v>
      </c>
    </row>
    <row r="398" spans="1:6" ht="27" customHeight="1" x14ac:dyDescent="0.45">
      <c r="A398" s="17"/>
      <c r="B398" s="18"/>
      <c r="C398" s="15" t="s">
        <v>284</v>
      </c>
      <c r="D398" s="15" t="s">
        <v>129</v>
      </c>
      <c r="E398" s="15" t="s">
        <v>137</v>
      </c>
      <c r="F398" s="16">
        <v>612000</v>
      </c>
    </row>
    <row r="399" spans="1:6" ht="27" customHeight="1" x14ac:dyDescent="0.45">
      <c r="A399" s="17"/>
      <c r="B399" s="18"/>
      <c r="C399" s="15" t="s">
        <v>284</v>
      </c>
      <c r="D399" s="15" t="s">
        <v>129</v>
      </c>
      <c r="E399" s="15" t="s">
        <v>191</v>
      </c>
      <c r="F399" s="16">
        <v>603000</v>
      </c>
    </row>
    <row r="400" spans="1:6" ht="27" customHeight="1" x14ac:dyDescent="0.45">
      <c r="A400" s="17"/>
      <c r="B400" s="18"/>
      <c r="C400" s="15" t="s">
        <v>284</v>
      </c>
      <c r="D400" s="15" t="s">
        <v>129</v>
      </c>
      <c r="E400" s="15" t="s">
        <v>191</v>
      </c>
      <c r="F400" s="16">
        <v>562000</v>
      </c>
    </row>
    <row r="401" spans="1:6" ht="27" customHeight="1" x14ac:dyDescent="0.45">
      <c r="A401" s="17"/>
      <c r="B401" s="18"/>
      <c r="C401" s="15" t="s">
        <v>284</v>
      </c>
      <c r="D401" s="15" t="s">
        <v>129</v>
      </c>
      <c r="E401" s="15" t="s">
        <v>137</v>
      </c>
      <c r="F401" s="16">
        <v>422000</v>
      </c>
    </row>
    <row r="402" spans="1:6" ht="27" customHeight="1" x14ac:dyDescent="0.45">
      <c r="A402" s="17"/>
      <c r="B402" s="18"/>
      <c r="C402" s="15" t="s">
        <v>284</v>
      </c>
      <c r="D402" s="15" t="s">
        <v>129</v>
      </c>
      <c r="E402" s="15" t="s">
        <v>191</v>
      </c>
      <c r="F402" s="16">
        <v>348000</v>
      </c>
    </row>
    <row r="403" spans="1:6" ht="27" customHeight="1" x14ac:dyDescent="0.45">
      <c r="A403" s="17"/>
      <c r="B403" s="18"/>
      <c r="C403" s="15" t="s">
        <v>284</v>
      </c>
      <c r="D403" s="15" t="s">
        <v>129</v>
      </c>
      <c r="E403" s="15" t="s">
        <v>137</v>
      </c>
      <c r="F403" s="16">
        <v>326000</v>
      </c>
    </row>
    <row r="404" spans="1:6" ht="27" customHeight="1" x14ac:dyDescent="0.45">
      <c r="A404" s="17"/>
      <c r="B404" s="18"/>
      <c r="C404" s="15" t="s">
        <v>284</v>
      </c>
      <c r="D404" s="15" t="s">
        <v>129</v>
      </c>
      <c r="E404" s="15" t="s">
        <v>191</v>
      </c>
      <c r="F404" s="16">
        <v>240000</v>
      </c>
    </row>
    <row r="405" spans="1:6" ht="27" customHeight="1" x14ac:dyDescent="0.45">
      <c r="A405" s="17"/>
      <c r="B405" s="18"/>
      <c r="C405" s="15" t="s">
        <v>284</v>
      </c>
      <c r="D405" s="15" t="s">
        <v>129</v>
      </c>
      <c r="E405" s="15" t="s">
        <v>137</v>
      </c>
      <c r="F405" s="16">
        <v>175000</v>
      </c>
    </row>
    <row r="406" spans="1:6" ht="27" customHeight="1" x14ac:dyDescent="0.45">
      <c r="A406" s="17"/>
      <c r="B406" s="18"/>
      <c r="C406" s="32" t="s">
        <v>284</v>
      </c>
      <c r="D406" s="15" t="s">
        <v>129</v>
      </c>
      <c r="E406" s="15" t="s">
        <v>191</v>
      </c>
      <c r="F406" s="16">
        <v>153000</v>
      </c>
    </row>
    <row r="407" spans="1:6" ht="27" customHeight="1" x14ac:dyDescent="0.45">
      <c r="A407" s="17"/>
      <c r="B407" s="18"/>
      <c r="C407" s="32" t="s">
        <v>284</v>
      </c>
      <c r="D407" s="15" t="s">
        <v>129</v>
      </c>
      <c r="E407" s="15" t="s">
        <v>191</v>
      </c>
      <c r="F407" s="16">
        <v>59000</v>
      </c>
    </row>
    <row r="408" spans="1:6" ht="27" customHeight="1" x14ac:dyDescent="0.45">
      <c r="A408" s="17"/>
      <c r="B408" s="18"/>
      <c r="C408" s="32" t="s">
        <v>284</v>
      </c>
      <c r="D408" s="15" t="s">
        <v>129</v>
      </c>
      <c r="E408" s="15" t="s">
        <v>191</v>
      </c>
      <c r="F408" s="16">
        <v>32177</v>
      </c>
    </row>
    <row r="409" spans="1:6" ht="27" customHeight="1" x14ac:dyDescent="0.45">
      <c r="A409" s="21"/>
      <c r="B409" s="22"/>
      <c r="C409" s="32" t="s">
        <v>284</v>
      </c>
      <c r="D409" s="15" t="s">
        <v>159</v>
      </c>
      <c r="E409" s="15" t="s">
        <v>160</v>
      </c>
      <c r="F409" s="16">
        <v>4292</v>
      </c>
    </row>
    <row r="410" spans="1:6" ht="27.45" customHeight="1" thickBot="1" x14ac:dyDescent="0.5">
      <c r="A410" s="31"/>
      <c r="B410" s="14"/>
      <c r="C410" s="19" t="s">
        <v>284</v>
      </c>
      <c r="D410" s="19" t="s">
        <v>159</v>
      </c>
      <c r="E410" s="19" t="s">
        <v>160</v>
      </c>
      <c r="F410" s="20">
        <v>3219</v>
      </c>
    </row>
    <row r="411" spans="1:6" ht="27.45" customHeight="1" thickTop="1" x14ac:dyDescent="0.45">
      <c r="A411" s="21"/>
      <c r="B411" s="22"/>
      <c r="C411" s="23" t="s">
        <v>116</v>
      </c>
      <c r="D411" s="24"/>
      <c r="E411" s="25" t="s">
        <v>309</v>
      </c>
      <c r="F411" s="26">
        <v>1140573188</v>
      </c>
    </row>
    <row r="412" spans="1:6" ht="27.45" customHeight="1" x14ac:dyDescent="0.45">
      <c r="F412" s="3"/>
    </row>
    <row r="413" spans="1:6" ht="27.45" customHeight="1" x14ac:dyDescent="0.45">
      <c r="A413" s="5" t="s">
        <v>2</v>
      </c>
      <c r="B413" s="5" t="s">
        <v>107</v>
      </c>
      <c r="C413" s="5" t="s">
        <v>108</v>
      </c>
      <c r="D413" s="5" t="s">
        <v>109</v>
      </c>
      <c r="E413" s="5" t="s">
        <v>110</v>
      </c>
      <c r="F413" s="12" t="s">
        <v>5</v>
      </c>
    </row>
    <row r="414" spans="1:6" ht="27.45" customHeight="1" x14ac:dyDescent="0.45">
      <c r="A414" s="13">
        <v>21</v>
      </c>
      <c r="B414" s="14" t="s">
        <v>77</v>
      </c>
      <c r="C414" s="15" t="s">
        <v>284</v>
      </c>
      <c r="D414" s="15" t="s">
        <v>131</v>
      </c>
      <c r="E414" s="15" t="s">
        <v>302</v>
      </c>
      <c r="F414" s="16">
        <v>556955000</v>
      </c>
    </row>
    <row r="415" spans="1:6" ht="27.45" customHeight="1" x14ac:dyDescent="0.45">
      <c r="A415" s="17"/>
      <c r="B415" s="18"/>
      <c r="C415" s="15" t="s">
        <v>284</v>
      </c>
      <c r="D415" s="15" t="s">
        <v>131</v>
      </c>
      <c r="E415" s="15" t="s">
        <v>302</v>
      </c>
      <c r="F415" s="16">
        <v>361313700</v>
      </c>
    </row>
    <row r="416" spans="1:6" ht="27.45" customHeight="1" x14ac:dyDescent="0.45">
      <c r="A416" s="17"/>
      <c r="B416" s="18"/>
      <c r="C416" s="15" t="s">
        <v>284</v>
      </c>
      <c r="D416" s="15" t="s">
        <v>131</v>
      </c>
      <c r="E416" s="15" t="s">
        <v>302</v>
      </c>
      <c r="F416" s="16">
        <v>177354900</v>
      </c>
    </row>
    <row r="417" spans="1:6" ht="27.45" customHeight="1" x14ac:dyDescent="0.45">
      <c r="A417" s="17"/>
      <c r="B417" s="18"/>
      <c r="C417" s="15" t="s">
        <v>284</v>
      </c>
      <c r="D417" s="15" t="s">
        <v>131</v>
      </c>
      <c r="E417" s="15" t="s">
        <v>302</v>
      </c>
      <c r="F417" s="16">
        <v>4140000</v>
      </c>
    </row>
    <row r="418" spans="1:6" ht="27.45" customHeight="1" thickBot="1" x14ac:dyDescent="0.5">
      <c r="A418" s="17"/>
      <c r="B418" s="18"/>
      <c r="C418" s="19" t="s">
        <v>284</v>
      </c>
      <c r="D418" s="19" t="s">
        <v>131</v>
      </c>
      <c r="E418" s="19" t="s">
        <v>302</v>
      </c>
      <c r="F418" s="20">
        <v>168000</v>
      </c>
    </row>
    <row r="419" spans="1:6" ht="27.45" customHeight="1" thickTop="1" x14ac:dyDescent="0.45">
      <c r="A419" s="21"/>
      <c r="B419" s="22"/>
      <c r="C419" s="23" t="s">
        <v>116</v>
      </c>
      <c r="D419" s="24"/>
      <c r="E419" s="25" t="s">
        <v>161</v>
      </c>
      <c r="F419" s="26">
        <v>1099931600</v>
      </c>
    </row>
    <row r="420" spans="1:6" ht="27.45" customHeight="1" x14ac:dyDescent="0.45">
      <c r="F420" s="3"/>
    </row>
    <row r="421" spans="1:6" ht="27.45" customHeight="1" x14ac:dyDescent="0.45">
      <c r="A421" s="5" t="s">
        <v>2</v>
      </c>
      <c r="B421" s="5" t="s">
        <v>107</v>
      </c>
      <c r="C421" s="5" t="s">
        <v>108</v>
      </c>
      <c r="D421" s="5" t="s">
        <v>109</v>
      </c>
      <c r="E421" s="5" t="s">
        <v>110</v>
      </c>
      <c r="F421" s="12" t="s">
        <v>5</v>
      </c>
    </row>
    <row r="422" spans="1:6" ht="27.45" customHeight="1" x14ac:dyDescent="0.45">
      <c r="A422" s="13">
        <v>22</v>
      </c>
      <c r="B422" s="14" t="s">
        <v>78</v>
      </c>
      <c r="C422" s="15" t="s">
        <v>284</v>
      </c>
      <c r="D422" s="15" t="s">
        <v>131</v>
      </c>
      <c r="E422" s="15" t="s">
        <v>302</v>
      </c>
      <c r="F422" s="16">
        <v>453303000</v>
      </c>
    </row>
    <row r="423" spans="1:6" ht="27.45" customHeight="1" x14ac:dyDescent="0.45">
      <c r="A423" s="17"/>
      <c r="B423" s="18"/>
      <c r="C423" s="15" t="s">
        <v>284</v>
      </c>
      <c r="D423" s="15" t="s">
        <v>131</v>
      </c>
      <c r="E423" s="15" t="s">
        <v>302</v>
      </c>
      <c r="F423" s="16">
        <v>229584400</v>
      </c>
    </row>
    <row r="424" spans="1:6" ht="27.45" customHeight="1" x14ac:dyDescent="0.45">
      <c r="A424" s="17"/>
      <c r="B424" s="18"/>
      <c r="C424" s="15" t="s">
        <v>284</v>
      </c>
      <c r="D424" s="15" t="s">
        <v>131</v>
      </c>
      <c r="E424" s="15" t="s">
        <v>302</v>
      </c>
      <c r="F424" s="16">
        <v>105720850</v>
      </c>
    </row>
    <row r="425" spans="1:6" ht="27.45" customHeight="1" x14ac:dyDescent="0.45">
      <c r="A425" s="17"/>
      <c r="B425" s="18"/>
      <c r="C425" s="15" t="s">
        <v>284</v>
      </c>
      <c r="D425" s="15" t="s">
        <v>131</v>
      </c>
      <c r="E425" s="15" t="s">
        <v>302</v>
      </c>
      <c r="F425" s="16">
        <v>73268200</v>
      </c>
    </row>
    <row r="426" spans="1:6" ht="27.45" customHeight="1" x14ac:dyDescent="0.45">
      <c r="A426" s="17"/>
      <c r="B426" s="18"/>
      <c r="C426" s="15" t="s">
        <v>284</v>
      </c>
      <c r="D426" s="15" t="s">
        <v>131</v>
      </c>
      <c r="E426" s="15" t="s">
        <v>302</v>
      </c>
      <c r="F426" s="16">
        <v>58849700</v>
      </c>
    </row>
    <row r="427" spans="1:6" ht="27.45" customHeight="1" x14ac:dyDescent="0.45">
      <c r="A427" s="17"/>
      <c r="B427" s="18"/>
      <c r="C427" s="15" t="s">
        <v>284</v>
      </c>
      <c r="D427" s="15" t="s">
        <v>131</v>
      </c>
      <c r="E427" s="15" t="s">
        <v>302</v>
      </c>
      <c r="F427" s="16">
        <v>40413300</v>
      </c>
    </row>
    <row r="428" spans="1:6" ht="27.45" customHeight="1" x14ac:dyDescent="0.45">
      <c r="A428" s="17"/>
      <c r="B428" s="18"/>
      <c r="C428" s="15" t="s">
        <v>284</v>
      </c>
      <c r="D428" s="15" t="s">
        <v>131</v>
      </c>
      <c r="E428" s="15" t="s">
        <v>302</v>
      </c>
      <c r="F428" s="16">
        <v>35039950</v>
      </c>
    </row>
    <row r="429" spans="1:6" ht="27.45" customHeight="1" x14ac:dyDescent="0.45">
      <c r="A429" s="17"/>
      <c r="B429" s="18"/>
      <c r="C429" s="15" t="s">
        <v>284</v>
      </c>
      <c r="D429" s="15" t="s">
        <v>131</v>
      </c>
      <c r="E429" s="15" t="s">
        <v>302</v>
      </c>
      <c r="F429" s="16">
        <v>28604000</v>
      </c>
    </row>
    <row r="430" spans="1:6" ht="27.45" customHeight="1" x14ac:dyDescent="0.45">
      <c r="A430" s="17"/>
      <c r="B430" s="18"/>
      <c r="C430" s="15" t="s">
        <v>284</v>
      </c>
      <c r="D430" s="15" t="s">
        <v>131</v>
      </c>
      <c r="E430" s="15" t="s">
        <v>302</v>
      </c>
      <c r="F430" s="16">
        <v>11268000</v>
      </c>
    </row>
    <row r="431" spans="1:6" ht="27.45" customHeight="1" x14ac:dyDescent="0.45">
      <c r="A431" s="17"/>
      <c r="B431" s="18"/>
      <c r="C431" s="15" t="s">
        <v>284</v>
      </c>
      <c r="D431" s="15" t="s">
        <v>131</v>
      </c>
      <c r="E431" s="15" t="s">
        <v>302</v>
      </c>
      <c r="F431" s="16">
        <v>10143000</v>
      </c>
    </row>
    <row r="432" spans="1:6" ht="27.45" customHeight="1" x14ac:dyDescent="0.45">
      <c r="A432" s="17"/>
      <c r="B432" s="18"/>
      <c r="C432" s="15" t="s">
        <v>284</v>
      </c>
      <c r="D432" s="15" t="s">
        <v>131</v>
      </c>
      <c r="E432" s="15" t="s">
        <v>302</v>
      </c>
      <c r="F432" s="16">
        <v>9408000</v>
      </c>
    </row>
    <row r="433" spans="1:6" ht="27.45" customHeight="1" x14ac:dyDescent="0.45">
      <c r="A433" s="17"/>
      <c r="B433" s="18"/>
      <c r="C433" s="15" t="s">
        <v>284</v>
      </c>
      <c r="D433" s="15" t="s">
        <v>131</v>
      </c>
      <c r="E433" s="15" t="s">
        <v>302</v>
      </c>
      <c r="F433" s="16">
        <v>9207000</v>
      </c>
    </row>
    <row r="434" spans="1:6" ht="27.45" customHeight="1" x14ac:dyDescent="0.45">
      <c r="A434" s="17"/>
      <c r="B434" s="18"/>
      <c r="C434" s="15" t="s">
        <v>284</v>
      </c>
      <c r="D434" s="15" t="s">
        <v>131</v>
      </c>
      <c r="E434" s="15" t="s">
        <v>302</v>
      </c>
      <c r="F434" s="16">
        <v>3690000</v>
      </c>
    </row>
    <row r="435" spans="1:6" ht="27.45" customHeight="1" x14ac:dyDescent="0.45">
      <c r="A435" s="17"/>
      <c r="B435" s="18"/>
      <c r="C435" s="15" t="s">
        <v>284</v>
      </c>
      <c r="D435" s="15" t="s">
        <v>131</v>
      </c>
      <c r="E435" s="15" t="s">
        <v>302</v>
      </c>
      <c r="F435" s="16">
        <v>1841000</v>
      </c>
    </row>
    <row r="436" spans="1:6" ht="27.45" customHeight="1" x14ac:dyDescent="0.45">
      <c r="A436" s="17"/>
      <c r="B436" s="18"/>
      <c r="C436" s="15" t="s">
        <v>284</v>
      </c>
      <c r="D436" s="15" t="s">
        <v>131</v>
      </c>
      <c r="E436" s="15" t="s">
        <v>302</v>
      </c>
      <c r="F436" s="16">
        <v>875000</v>
      </c>
    </row>
    <row r="437" spans="1:6" ht="27.45" customHeight="1" x14ac:dyDescent="0.45">
      <c r="A437" s="17"/>
      <c r="B437" s="18"/>
      <c r="C437" s="15" t="s">
        <v>284</v>
      </c>
      <c r="D437" s="15" t="s">
        <v>131</v>
      </c>
      <c r="E437" s="15" t="s">
        <v>302</v>
      </c>
      <c r="F437" s="16">
        <v>843000</v>
      </c>
    </row>
    <row r="438" spans="1:6" ht="27.45" customHeight="1" x14ac:dyDescent="0.45">
      <c r="A438" s="17"/>
      <c r="B438" s="18"/>
      <c r="C438" s="15" t="s">
        <v>284</v>
      </c>
      <c r="D438" s="15" t="s">
        <v>131</v>
      </c>
      <c r="E438" s="15" t="s">
        <v>302</v>
      </c>
      <c r="F438" s="16">
        <v>665000</v>
      </c>
    </row>
    <row r="439" spans="1:6" ht="27.45" customHeight="1" x14ac:dyDescent="0.45">
      <c r="A439" s="17"/>
      <c r="B439" s="18"/>
      <c r="C439" s="15" t="s">
        <v>284</v>
      </c>
      <c r="D439" s="15" t="s">
        <v>131</v>
      </c>
      <c r="E439" s="15" t="s">
        <v>302</v>
      </c>
      <c r="F439" s="16">
        <v>600000</v>
      </c>
    </row>
    <row r="440" spans="1:6" ht="27.45" customHeight="1" x14ac:dyDescent="0.45">
      <c r="A440" s="17"/>
      <c r="B440" s="18"/>
      <c r="C440" s="15" t="s">
        <v>284</v>
      </c>
      <c r="D440" s="15" t="s">
        <v>131</v>
      </c>
      <c r="E440" s="15" t="s">
        <v>302</v>
      </c>
      <c r="F440" s="16">
        <v>540000</v>
      </c>
    </row>
    <row r="441" spans="1:6" ht="27.45" customHeight="1" x14ac:dyDescent="0.45">
      <c r="A441" s="17"/>
      <c r="B441" s="18"/>
      <c r="C441" s="15" t="s">
        <v>284</v>
      </c>
      <c r="D441" s="15" t="s">
        <v>131</v>
      </c>
      <c r="E441" s="15" t="s">
        <v>302</v>
      </c>
      <c r="F441" s="16">
        <v>500000</v>
      </c>
    </row>
    <row r="442" spans="1:6" ht="27.45" customHeight="1" x14ac:dyDescent="0.45">
      <c r="A442" s="17"/>
      <c r="B442" s="18"/>
      <c r="C442" s="15" t="s">
        <v>284</v>
      </c>
      <c r="D442" s="15" t="s">
        <v>131</v>
      </c>
      <c r="E442" s="15" t="s">
        <v>302</v>
      </c>
      <c r="F442" s="16">
        <v>500000</v>
      </c>
    </row>
    <row r="443" spans="1:6" ht="27.45" customHeight="1" thickBot="1" x14ac:dyDescent="0.5">
      <c r="A443" s="17"/>
      <c r="B443" s="18"/>
      <c r="C443" s="15" t="s">
        <v>284</v>
      </c>
      <c r="D443" s="15" t="s">
        <v>131</v>
      </c>
      <c r="E443" s="15" t="s">
        <v>302</v>
      </c>
      <c r="F443" s="16">
        <v>462000</v>
      </c>
    </row>
    <row r="444" spans="1:6" ht="27.45" customHeight="1" thickTop="1" x14ac:dyDescent="0.45">
      <c r="A444" s="21"/>
      <c r="B444" s="22"/>
      <c r="C444" s="23" t="s">
        <v>116</v>
      </c>
      <c r="D444" s="24"/>
      <c r="E444" s="25" t="s">
        <v>144</v>
      </c>
      <c r="F444" s="26">
        <v>1075325400</v>
      </c>
    </row>
    <row r="445" spans="1:6" ht="27" customHeight="1" x14ac:dyDescent="0.45">
      <c r="F445" s="3"/>
    </row>
    <row r="446" spans="1:6" ht="27.45" customHeight="1" x14ac:dyDescent="0.45">
      <c r="A446" s="5" t="s">
        <v>2</v>
      </c>
      <c r="B446" s="5" t="s">
        <v>107</v>
      </c>
      <c r="C446" s="5" t="s">
        <v>108</v>
      </c>
      <c r="D446" s="5" t="s">
        <v>109</v>
      </c>
      <c r="E446" s="5" t="s">
        <v>110</v>
      </c>
      <c r="F446" s="12" t="s">
        <v>5</v>
      </c>
    </row>
    <row r="447" spans="1:6" ht="27.45" customHeight="1" x14ac:dyDescent="0.45">
      <c r="A447" s="13">
        <v>23</v>
      </c>
      <c r="B447" s="14" t="s">
        <v>79</v>
      </c>
      <c r="C447" s="15" t="s">
        <v>284</v>
      </c>
      <c r="D447" s="15" t="s">
        <v>131</v>
      </c>
      <c r="E447" s="15" t="s">
        <v>302</v>
      </c>
      <c r="F447" s="16">
        <v>878581000</v>
      </c>
    </row>
    <row r="448" spans="1:6" ht="27.45" customHeight="1" x14ac:dyDescent="0.45">
      <c r="A448" s="17"/>
      <c r="B448" s="18"/>
      <c r="C448" s="15" t="s">
        <v>284</v>
      </c>
      <c r="D448" s="15" t="s">
        <v>131</v>
      </c>
      <c r="E448" s="15" t="s">
        <v>302</v>
      </c>
      <c r="F448" s="16">
        <v>58515600</v>
      </c>
    </row>
    <row r="449" spans="1:6" ht="27.45" customHeight="1" x14ac:dyDescent="0.45">
      <c r="A449" s="17"/>
      <c r="B449" s="18"/>
      <c r="C449" s="15" t="s">
        <v>284</v>
      </c>
      <c r="D449" s="15" t="s">
        <v>131</v>
      </c>
      <c r="E449" s="15" t="s">
        <v>302</v>
      </c>
      <c r="F449" s="16">
        <v>48995100</v>
      </c>
    </row>
    <row r="450" spans="1:6" ht="27.45" customHeight="1" x14ac:dyDescent="0.45">
      <c r="A450" s="17"/>
      <c r="B450" s="18"/>
      <c r="C450" s="15" t="s">
        <v>284</v>
      </c>
      <c r="D450" s="15" t="s">
        <v>131</v>
      </c>
      <c r="E450" s="15" t="s">
        <v>302</v>
      </c>
      <c r="F450" s="16">
        <v>24840000</v>
      </c>
    </row>
    <row r="451" spans="1:6" ht="27.45" customHeight="1" x14ac:dyDescent="0.45">
      <c r="A451" s="17"/>
      <c r="B451" s="18"/>
      <c r="C451" s="15" t="s">
        <v>284</v>
      </c>
      <c r="D451" s="15" t="s">
        <v>131</v>
      </c>
      <c r="E451" s="15" t="s">
        <v>302</v>
      </c>
      <c r="F451" s="16">
        <v>22491400</v>
      </c>
    </row>
    <row r="452" spans="1:6" ht="27.45" customHeight="1" x14ac:dyDescent="0.45">
      <c r="A452" s="17"/>
      <c r="B452" s="18"/>
      <c r="C452" s="15" t="s">
        <v>284</v>
      </c>
      <c r="D452" s="15" t="s">
        <v>131</v>
      </c>
      <c r="E452" s="15" t="s">
        <v>302</v>
      </c>
      <c r="F452" s="16">
        <v>14108900</v>
      </c>
    </row>
    <row r="453" spans="1:6" ht="27.45" customHeight="1" x14ac:dyDescent="0.45">
      <c r="A453" s="17"/>
      <c r="B453" s="18"/>
      <c r="C453" s="15" t="s">
        <v>284</v>
      </c>
      <c r="D453" s="15" t="s">
        <v>131</v>
      </c>
      <c r="E453" s="15" t="s">
        <v>302</v>
      </c>
      <c r="F453" s="16">
        <v>10192000</v>
      </c>
    </row>
    <row r="454" spans="1:6" ht="27.45" customHeight="1" x14ac:dyDescent="0.45">
      <c r="A454" s="17"/>
      <c r="B454" s="18"/>
      <c r="C454" s="15" t="s">
        <v>284</v>
      </c>
      <c r="D454" s="15" t="s">
        <v>131</v>
      </c>
      <c r="E454" s="15" t="s">
        <v>302</v>
      </c>
      <c r="F454" s="16">
        <v>1592000</v>
      </c>
    </row>
    <row r="455" spans="1:6" ht="27.45" customHeight="1" x14ac:dyDescent="0.45">
      <c r="A455" s="17"/>
      <c r="B455" s="18"/>
      <c r="C455" s="15" t="s">
        <v>284</v>
      </c>
      <c r="D455" s="15" t="s">
        <v>131</v>
      </c>
      <c r="E455" s="15" t="s">
        <v>302</v>
      </c>
      <c r="F455" s="16">
        <v>833000</v>
      </c>
    </row>
    <row r="456" spans="1:6" ht="27.45" customHeight="1" x14ac:dyDescent="0.45">
      <c r="A456" s="17"/>
      <c r="B456" s="18"/>
      <c r="C456" s="15" t="s">
        <v>284</v>
      </c>
      <c r="D456" s="15" t="s">
        <v>131</v>
      </c>
      <c r="E456" s="15" t="s">
        <v>302</v>
      </c>
      <c r="F456" s="16">
        <v>800000</v>
      </c>
    </row>
    <row r="457" spans="1:6" ht="27.45" customHeight="1" x14ac:dyDescent="0.45">
      <c r="A457" s="17"/>
      <c r="B457" s="18"/>
      <c r="C457" s="15" t="s">
        <v>284</v>
      </c>
      <c r="D457" s="15" t="s">
        <v>131</v>
      </c>
      <c r="E457" s="15" t="s">
        <v>302</v>
      </c>
      <c r="F457" s="16">
        <v>426000</v>
      </c>
    </row>
    <row r="458" spans="1:6" ht="27.45" customHeight="1" x14ac:dyDescent="0.45">
      <c r="A458" s="17"/>
      <c r="B458" s="18"/>
      <c r="C458" s="15" t="s">
        <v>284</v>
      </c>
      <c r="D458" s="15" t="s">
        <v>131</v>
      </c>
      <c r="E458" s="15" t="s">
        <v>302</v>
      </c>
      <c r="F458" s="16">
        <v>336000</v>
      </c>
    </row>
    <row r="459" spans="1:6" ht="27.45" customHeight="1" x14ac:dyDescent="0.45">
      <c r="A459" s="17"/>
      <c r="B459" s="18"/>
      <c r="C459" s="15" t="s">
        <v>284</v>
      </c>
      <c r="D459" s="15" t="s">
        <v>131</v>
      </c>
      <c r="E459" s="15" t="s">
        <v>302</v>
      </c>
      <c r="F459" s="16">
        <v>168000</v>
      </c>
    </row>
    <row r="460" spans="1:6" ht="27.45" customHeight="1" x14ac:dyDescent="0.45">
      <c r="A460" s="17"/>
      <c r="B460" s="18"/>
      <c r="C460" s="15" t="s">
        <v>284</v>
      </c>
      <c r="D460" s="15" t="s">
        <v>131</v>
      </c>
      <c r="E460" s="15" t="s">
        <v>302</v>
      </c>
      <c r="F460" s="16">
        <v>118800</v>
      </c>
    </row>
    <row r="461" spans="1:6" ht="27.45" customHeight="1" thickBot="1" x14ac:dyDescent="0.5">
      <c r="A461" s="17"/>
      <c r="B461" s="18"/>
      <c r="C461" s="19" t="s">
        <v>284</v>
      </c>
      <c r="D461" s="19" t="s">
        <v>131</v>
      </c>
      <c r="E461" s="19" t="s">
        <v>302</v>
      </c>
      <c r="F461" s="20">
        <v>25000</v>
      </c>
    </row>
    <row r="462" spans="1:6" ht="27.45" customHeight="1" thickTop="1" x14ac:dyDescent="0.45">
      <c r="A462" s="21"/>
      <c r="B462" s="22"/>
      <c r="C462" s="23" t="s">
        <v>116</v>
      </c>
      <c r="D462" s="24"/>
      <c r="E462" s="25" t="s">
        <v>219</v>
      </c>
      <c r="F462" s="26">
        <v>1062022800</v>
      </c>
    </row>
    <row r="463" spans="1:6" ht="27.45" customHeight="1" x14ac:dyDescent="0.45">
      <c r="F463" s="3"/>
    </row>
    <row r="464" spans="1:6" ht="27.45" customHeight="1" x14ac:dyDescent="0.45">
      <c r="A464" s="5" t="s">
        <v>2</v>
      </c>
      <c r="B464" s="5" t="s">
        <v>107</v>
      </c>
      <c r="C464" s="5" t="s">
        <v>108</v>
      </c>
      <c r="D464" s="5" t="s">
        <v>109</v>
      </c>
      <c r="E464" s="5" t="s">
        <v>110</v>
      </c>
      <c r="F464" s="12" t="s">
        <v>5</v>
      </c>
    </row>
    <row r="465" spans="1:6" ht="27.45" customHeight="1" x14ac:dyDescent="0.45">
      <c r="A465" s="13">
        <v>24</v>
      </c>
      <c r="B465" s="14" t="s">
        <v>80</v>
      </c>
      <c r="C465" s="15" t="s">
        <v>284</v>
      </c>
      <c r="D465" s="15" t="s">
        <v>131</v>
      </c>
      <c r="E465" s="15" t="s">
        <v>302</v>
      </c>
      <c r="F465" s="16">
        <v>779188000</v>
      </c>
    </row>
    <row r="466" spans="1:6" ht="27.45" customHeight="1" x14ac:dyDescent="0.45">
      <c r="A466" s="17"/>
      <c r="B466" s="18"/>
      <c r="C466" s="15" t="s">
        <v>284</v>
      </c>
      <c r="D466" s="15" t="s">
        <v>131</v>
      </c>
      <c r="E466" s="15" t="s">
        <v>302</v>
      </c>
      <c r="F466" s="16">
        <v>110401400</v>
      </c>
    </row>
    <row r="467" spans="1:6" ht="27.45" customHeight="1" x14ac:dyDescent="0.45">
      <c r="A467" s="17"/>
      <c r="B467" s="18"/>
      <c r="C467" s="15" t="s">
        <v>284</v>
      </c>
      <c r="D467" s="15" t="s">
        <v>131</v>
      </c>
      <c r="E467" s="15" t="s">
        <v>302</v>
      </c>
      <c r="F467" s="16">
        <v>44710000</v>
      </c>
    </row>
    <row r="468" spans="1:6" ht="27.45" customHeight="1" x14ac:dyDescent="0.45">
      <c r="A468" s="17"/>
      <c r="B468" s="18"/>
      <c r="C468" s="15" t="s">
        <v>284</v>
      </c>
      <c r="D468" s="15" t="s">
        <v>131</v>
      </c>
      <c r="E468" s="15" t="s">
        <v>302</v>
      </c>
      <c r="F468" s="16">
        <v>35174400</v>
      </c>
    </row>
    <row r="469" spans="1:6" ht="27.45" customHeight="1" x14ac:dyDescent="0.45">
      <c r="A469" s="17"/>
      <c r="B469" s="18"/>
      <c r="C469" s="15" t="s">
        <v>284</v>
      </c>
      <c r="D469" s="15" t="s">
        <v>131</v>
      </c>
      <c r="E469" s="15" t="s">
        <v>302</v>
      </c>
      <c r="F469" s="16">
        <v>18449000</v>
      </c>
    </row>
    <row r="470" spans="1:6" ht="27.45" customHeight="1" x14ac:dyDescent="0.45">
      <c r="A470" s="17"/>
      <c r="B470" s="18"/>
      <c r="C470" s="15" t="s">
        <v>284</v>
      </c>
      <c r="D470" s="15" t="s">
        <v>131</v>
      </c>
      <c r="E470" s="15" t="s">
        <v>302</v>
      </c>
      <c r="F470" s="16">
        <v>7668000</v>
      </c>
    </row>
    <row r="471" spans="1:6" ht="27.45" customHeight="1" x14ac:dyDescent="0.45">
      <c r="A471" s="17"/>
      <c r="B471" s="18"/>
      <c r="C471" s="15" t="s">
        <v>284</v>
      </c>
      <c r="D471" s="15" t="s">
        <v>131</v>
      </c>
      <c r="E471" s="15" t="s">
        <v>302</v>
      </c>
      <c r="F471" s="16">
        <v>3900000</v>
      </c>
    </row>
    <row r="472" spans="1:6" ht="27.45" customHeight="1" x14ac:dyDescent="0.45">
      <c r="A472" s="17"/>
      <c r="B472" s="18"/>
      <c r="C472" s="15" t="s">
        <v>284</v>
      </c>
      <c r="D472" s="15" t="s">
        <v>131</v>
      </c>
      <c r="E472" s="15" t="s">
        <v>302</v>
      </c>
      <c r="F472" s="16">
        <v>1568000</v>
      </c>
    </row>
    <row r="473" spans="1:6" ht="27.45" customHeight="1" x14ac:dyDescent="0.45">
      <c r="A473" s="17"/>
      <c r="B473" s="18"/>
      <c r="C473" s="15" t="s">
        <v>284</v>
      </c>
      <c r="D473" s="15" t="s">
        <v>131</v>
      </c>
      <c r="E473" s="15" t="s">
        <v>302</v>
      </c>
      <c r="F473" s="16">
        <v>600000</v>
      </c>
    </row>
    <row r="474" spans="1:6" ht="27.45" customHeight="1" x14ac:dyDescent="0.45">
      <c r="A474" s="17"/>
      <c r="B474" s="18"/>
      <c r="C474" s="15" t="s">
        <v>284</v>
      </c>
      <c r="D474" s="15" t="s">
        <v>131</v>
      </c>
      <c r="E474" s="15" t="s">
        <v>302</v>
      </c>
      <c r="F474" s="16">
        <v>458700</v>
      </c>
    </row>
    <row r="475" spans="1:6" ht="27.45" customHeight="1" x14ac:dyDescent="0.45">
      <c r="A475" s="17"/>
      <c r="B475" s="18"/>
      <c r="C475" s="15" t="s">
        <v>284</v>
      </c>
      <c r="D475" s="15" t="s">
        <v>131</v>
      </c>
      <c r="E475" s="15" t="s">
        <v>302</v>
      </c>
      <c r="F475" s="16">
        <v>426000</v>
      </c>
    </row>
    <row r="476" spans="1:6" ht="27.45" customHeight="1" x14ac:dyDescent="0.45">
      <c r="A476" s="17"/>
      <c r="B476" s="18"/>
      <c r="C476" s="32" t="s">
        <v>284</v>
      </c>
      <c r="D476" s="15" t="s">
        <v>131</v>
      </c>
      <c r="E476" s="15" t="s">
        <v>302</v>
      </c>
      <c r="F476" s="16">
        <v>342320</v>
      </c>
    </row>
    <row r="477" spans="1:6" ht="27.45" customHeight="1" x14ac:dyDescent="0.45">
      <c r="A477" s="17"/>
      <c r="B477" s="18"/>
      <c r="C477" s="32" t="s">
        <v>284</v>
      </c>
      <c r="D477" s="15" t="s">
        <v>131</v>
      </c>
      <c r="E477" s="15" t="s">
        <v>302</v>
      </c>
      <c r="F477" s="16">
        <v>336000</v>
      </c>
    </row>
    <row r="478" spans="1:6" ht="27.45" customHeight="1" x14ac:dyDescent="0.45">
      <c r="A478" s="17"/>
      <c r="B478" s="18"/>
      <c r="C478" s="32" t="s">
        <v>284</v>
      </c>
      <c r="D478" s="15" t="s">
        <v>131</v>
      </c>
      <c r="E478" s="15" t="s">
        <v>302</v>
      </c>
      <c r="F478" s="16">
        <v>93000</v>
      </c>
    </row>
    <row r="479" spans="1:6" ht="27.45" customHeight="1" thickBot="1" x14ac:dyDescent="0.5">
      <c r="A479" s="17"/>
      <c r="B479" s="18"/>
      <c r="C479" s="32" t="s">
        <v>284</v>
      </c>
      <c r="D479" s="15" t="s">
        <v>131</v>
      </c>
      <c r="E479" s="15" t="s">
        <v>302</v>
      </c>
      <c r="F479" s="16">
        <v>49000</v>
      </c>
    </row>
    <row r="480" spans="1:6" ht="27.45" customHeight="1" thickTop="1" x14ac:dyDescent="0.45">
      <c r="A480" s="21"/>
      <c r="B480" s="22"/>
      <c r="C480" s="23" t="s">
        <v>116</v>
      </c>
      <c r="D480" s="24"/>
      <c r="E480" s="25" t="s">
        <v>219</v>
      </c>
      <c r="F480" s="26">
        <v>1003363820</v>
      </c>
    </row>
    <row r="481" spans="1:6" ht="27" customHeight="1" x14ac:dyDescent="0.45">
      <c r="F481" s="3"/>
    </row>
    <row r="482" spans="1:6" ht="27" customHeight="1" x14ac:dyDescent="0.45">
      <c r="A482" s="5" t="s">
        <v>2</v>
      </c>
      <c r="B482" s="5" t="s">
        <v>107</v>
      </c>
      <c r="C482" s="5" t="s">
        <v>108</v>
      </c>
      <c r="D482" s="5" t="s">
        <v>109</v>
      </c>
      <c r="E482" s="5" t="s">
        <v>110</v>
      </c>
      <c r="F482" s="12" t="s">
        <v>5</v>
      </c>
    </row>
    <row r="483" spans="1:6" ht="27" customHeight="1" x14ac:dyDescent="0.45">
      <c r="A483" s="13">
        <v>25</v>
      </c>
      <c r="B483" s="29" t="s">
        <v>81</v>
      </c>
      <c r="C483" s="15" t="s">
        <v>284</v>
      </c>
      <c r="D483" s="15" t="s">
        <v>122</v>
      </c>
      <c r="E483" s="15" t="s">
        <v>310</v>
      </c>
      <c r="F483" s="16">
        <v>829560000</v>
      </c>
    </row>
    <row r="484" spans="1:6" ht="27" customHeight="1" thickBot="1" x14ac:dyDescent="0.5">
      <c r="A484" s="17"/>
      <c r="B484" s="30"/>
      <c r="C484" s="19" t="s">
        <v>284</v>
      </c>
      <c r="D484" s="19" t="s">
        <v>122</v>
      </c>
      <c r="E484" s="19" t="s">
        <v>310</v>
      </c>
      <c r="F484" s="20">
        <v>152078000</v>
      </c>
    </row>
    <row r="485" spans="1:6" ht="27" customHeight="1" thickTop="1" x14ac:dyDescent="0.45">
      <c r="A485" s="21"/>
      <c r="B485" s="22"/>
      <c r="C485" s="23" t="s">
        <v>116</v>
      </c>
      <c r="D485" s="24"/>
      <c r="E485" s="25" t="s">
        <v>236</v>
      </c>
      <c r="F485" s="26">
        <v>981638000</v>
      </c>
    </row>
    <row r="486" spans="1:6" ht="27" customHeight="1" x14ac:dyDescent="0.45">
      <c r="F486" s="3"/>
    </row>
    <row r="487" spans="1:6" ht="27" customHeight="1" x14ac:dyDescent="0.45">
      <c r="A487" s="5" t="s">
        <v>2</v>
      </c>
      <c r="B487" s="5" t="s">
        <v>107</v>
      </c>
      <c r="C487" s="5" t="s">
        <v>108</v>
      </c>
      <c r="D487" s="5" t="s">
        <v>109</v>
      </c>
      <c r="E487" s="5" t="s">
        <v>110</v>
      </c>
      <c r="F487" s="12" t="s">
        <v>5</v>
      </c>
    </row>
    <row r="488" spans="1:6" ht="27" customHeight="1" x14ac:dyDescent="0.45">
      <c r="A488" s="13">
        <v>26</v>
      </c>
      <c r="B488" s="14" t="s">
        <v>82</v>
      </c>
      <c r="C488" s="15" t="s">
        <v>284</v>
      </c>
      <c r="D488" s="15" t="s">
        <v>131</v>
      </c>
      <c r="E488" s="15" t="s">
        <v>302</v>
      </c>
      <c r="F488" s="16">
        <v>516225000</v>
      </c>
    </row>
    <row r="489" spans="1:6" ht="27" customHeight="1" x14ac:dyDescent="0.45">
      <c r="A489" s="17"/>
      <c r="B489" s="18"/>
      <c r="C489" s="15" t="s">
        <v>284</v>
      </c>
      <c r="D489" s="15" t="s">
        <v>131</v>
      </c>
      <c r="E489" s="15" t="s">
        <v>302</v>
      </c>
      <c r="F489" s="16">
        <v>298663200</v>
      </c>
    </row>
    <row r="490" spans="1:6" ht="27" customHeight="1" x14ac:dyDescent="0.45">
      <c r="A490" s="17"/>
      <c r="B490" s="18"/>
      <c r="C490" s="15" t="s">
        <v>284</v>
      </c>
      <c r="D490" s="15" t="s">
        <v>131</v>
      </c>
      <c r="E490" s="15" t="s">
        <v>302</v>
      </c>
      <c r="F490" s="16">
        <v>106454000</v>
      </c>
    </row>
    <row r="491" spans="1:6" ht="27" customHeight="1" x14ac:dyDescent="0.45">
      <c r="A491" s="17"/>
      <c r="B491" s="18"/>
      <c r="C491" s="15" t="s">
        <v>284</v>
      </c>
      <c r="D491" s="15" t="s">
        <v>131</v>
      </c>
      <c r="E491" s="15" t="s">
        <v>302</v>
      </c>
      <c r="F491" s="16">
        <v>6360000</v>
      </c>
    </row>
    <row r="492" spans="1:6" ht="27" customHeight="1" x14ac:dyDescent="0.45">
      <c r="A492" s="17"/>
      <c r="B492" s="18"/>
      <c r="C492" s="15" t="s">
        <v>284</v>
      </c>
      <c r="D492" s="15" t="s">
        <v>131</v>
      </c>
      <c r="E492" s="15" t="s">
        <v>302</v>
      </c>
      <c r="F492" s="16">
        <v>317000</v>
      </c>
    </row>
    <row r="493" spans="1:6" ht="27" customHeight="1" thickBot="1" x14ac:dyDescent="0.5">
      <c r="A493" s="17"/>
      <c r="B493" s="18"/>
      <c r="C493" s="19" t="s">
        <v>284</v>
      </c>
      <c r="D493" s="19" t="s">
        <v>129</v>
      </c>
      <c r="E493" s="19" t="s">
        <v>191</v>
      </c>
      <c r="F493" s="20">
        <v>161624</v>
      </c>
    </row>
    <row r="494" spans="1:6" ht="27" customHeight="1" thickTop="1" x14ac:dyDescent="0.45">
      <c r="A494" s="21"/>
      <c r="B494" s="22"/>
      <c r="C494" s="23" t="s">
        <v>116</v>
      </c>
      <c r="D494" s="24"/>
      <c r="E494" s="25" t="s">
        <v>300</v>
      </c>
      <c r="F494" s="26">
        <v>928180824</v>
      </c>
    </row>
    <row r="495" spans="1:6" ht="27" customHeight="1" x14ac:dyDescent="0.45">
      <c r="F495" s="3"/>
    </row>
    <row r="496" spans="1:6" ht="27" customHeight="1" x14ac:dyDescent="0.45">
      <c r="A496" s="5" t="s">
        <v>2</v>
      </c>
      <c r="B496" s="5" t="s">
        <v>107</v>
      </c>
      <c r="C496" s="5" t="s">
        <v>108</v>
      </c>
      <c r="D496" s="5" t="s">
        <v>109</v>
      </c>
      <c r="E496" s="5" t="s">
        <v>110</v>
      </c>
      <c r="F496" s="12" t="s">
        <v>5</v>
      </c>
    </row>
    <row r="497" spans="1:6" ht="27" customHeight="1" x14ac:dyDescent="0.45">
      <c r="A497" s="13">
        <v>27</v>
      </c>
      <c r="B497" s="14" t="s">
        <v>83</v>
      </c>
      <c r="C497" s="15" t="s">
        <v>284</v>
      </c>
      <c r="D497" s="15" t="s">
        <v>131</v>
      </c>
      <c r="E497" s="15" t="s">
        <v>302</v>
      </c>
      <c r="F497" s="16">
        <v>456731000</v>
      </c>
    </row>
    <row r="498" spans="1:6" ht="27" customHeight="1" x14ac:dyDescent="0.45">
      <c r="A498" s="17"/>
      <c r="B498" s="18"/>
      <c r="C498" s="15" t="s">
        <v>284</v>
      </c>
      <c r="D498" s="15" t="s">
        <v>131</v>
      </c>
      <c r="E498" s="15" t="s">
        <v>302</v>
      </c>
      <c r="F498" s="16">
        <v>259446000</v>
      </c>
    </row>
    <row r="499" spans="1:6" ht="27" customHeight="1" x14ac:dyDescent="0.45">
      <c r="A499" s="17"/>
      <c r="B499" s="18"/>
      <c r="C499" s="15" t="s">
        <v>284</v>
      </c>
      <c r="D499" s="15" t="s">
        <v>131</v>
      </c>
      <c r="E499" s="15" t="s">
        <v>302</v>
      </c>
      <c r="F499" s="16">
        <v>127428600</v>
      </c>
    </row>
    <row r="500" spans="1:6" ht="27" customHeight="1" x14ac:dyDescent="0.45">
      <c r="A500" s="17"/>
      <c r="B500" s="18"/>
      <c r="C500" s="15" t="s">
        <v>284</v>
      </c>
      <c r="D500" s="15" t="s">
        <v>131</v>
      </c>
      <c r="E500" s="15" t="s">
        <v>302</v>
      </c>
      <c r="F500" s="16">
        <v>26116200</v>
      </c>
    </row>
    <row r="501" spans="1:6" ht="27" customHeight="1" x14ac:dyDescent="0.45">
      <c r="A501" s="17"/>
      <c r="B501" s="18"/>
      <c r="C501" s="15" t="s">
        <v>284</v>
      </c>
      <c r="D501" s="15" t="s">
        <v>131</v>
      </c>
      <c r="E501" s="15" t="s">
        <v>302</v>
      </c>
      <c r="F501" s="16">
        <v>11384900</v>
      </c>
    </row>
    <row r="502" spans="1:6" ht="27" customHeight="1" x14ac:dyDescent="0.45">
      <c r="A502" s="17"/>
      <c r="B502" s="18"/>
      <c r="C502" s="15" t="s">
        <v>284</v>
      </c>
      <c r="D502" s="15" t="s">
        <v>131</v>
      </c>
      <c r="E502" s="15" t="s">
        <v>302</v>
      </c>
      <c r="F502" s="16">
        <v>9720000</v>
      </c>
    </row>
    <row r="503" spans="1:6" ht="27" customHeight="1" x14ac:dyDescent="0.45">
      <c r="A503" s="17"/>
      <c r="B503" s="18"/>
      <c r="C503" s="15" t="s">
        <v>284</v>
      </c>
      <c r="D503" s="15" t="s">
        <v>131</v>
      </c>
      <c r="E503" s="15" t="s">
        <v>302</v>
      </c>
      <c r="F503" s="16">
        <v>2925000</v>
      </c>
    </row>
    <row r="504" spans="1:6" ht="27" customHeight="1" x14ac:dyDescent="0.45">
      <c r="A504" s="17"/>
      <c r="B504" s="18"/>
      <c r="C504" s="15" t="s">
        <v>284</v>
      </c>
      <c r="D504" s="15" t="s">
        <v>131</v>
      </c>
      <c r="E504" s="15" t="s">
        <v>302</v>
      </c>
      <c r="F504" s="16">
        <v>348000</v>
      </c>
    </row>
    <row r="505" spans="1:6" ht="27" customHeight="1" thickBot="1" x14ac:dyDescent="0.5">
      <c r="A505" s="17"/>
      <c r="B505" s="18"/>
      <c r="C505" s="19" t="s">
        <v>284</v>
      </c>
      <c r="D505" s="19" t="s">
        <v>129</v>
      </c>
      <c r="E505" s="19" t="s">
        <v>191</v>
      </c>
      <c r="F505" s="20">
        <v>200970</v>
      </c>
    </row>
    <row r="506" spans="1:6" ht="27" customHeight="1" thickTop="1" x14ac:dyDescent="0.45">
      <c r="A506" s="21"/>
      <c r="B506" s="22"/>
      <c r="C506" s="23" t="s">
        <v>116</v>
      </c>
      <c r="D506" s="24"/>
      <c r="E506" s="25" t="s">
        <v>311</v>
      </c>
      <c r="F506" s="26">
        <v>894300670</v>
      </c>
    </row>
    <row r="507" spans="1:6" ht="27" customHeight="1" x14ac:dyDescent="0.45">
      <c r="F507" s="3"/>
    </row>
    <row r="508" spans="1:6" ht="27" customHeight="1" x14ac:dyDescent="0.45">
      <c r="A508" s="5" t="s">
        <v>2</v>
      </c>
      <c r="B508" s="5" t="s">
        <v>107</v>
      </c>
      <c r="C508" s="5" t="s">
        <v>108</v>
      </c>
      <c r="D508" s="5" t="s">
        <v>109</v>
      </c>
      <c r="E508" s="5" t="s">
        <v>110</v>
      </c>
      <c r="F508" s="12" t="s">
        <v>5</v>
      </c>
    </row>
    <row r="509" spans="1:6" ht="27" customHeight="1" thickBot="1" x14ac:dyDescent="0.5">
      <c r="A509" s="13">
        <v>28</v>
      </c>
      <c r="B509" s="38" t="s">
        <v>84</v>
      </c>
      <c r="C509" s="19" t="s">
        <v>284</v>
      </c>
      <c r="D509" s="19" t="s">
        <v>112</v>
      </c>
      <c r="E509" s="19" t="s">
        <v>312</v>
      </c>
      <c r="F509" s="20">
        <v>875849000</v>
      </c>
    </row>
    <row r="510" spans="1:6" ht="27" customHeight="1" thickTop="1" x14ac:dyDescent="0.45">
      <c r="A510" s="21"/>
      <c r="B510" s="39"/>
      <c r="C510" s="23" t="s">
        <v>116</v>
      </c>
      <c r="D510" s="24"/>
      <c r="E510" s="25" t="s">
        <v>120</v>
      </c>
      <c r="F510" s="26">
        <v>875849000</v>
      </c>
    </row>
    <row r="511" spans="1:6" ht="27" customHeight="1" x14ac:dyDescent="0.45">
      <c r="F511" s="3"/>
    </row>
    <row r="512" spans="1:6" ht="27" customHeight="1" x14ac:dyDescent="0.45">
      <c r="A512" s="5" t="s">
        <v>2</v>
      </c>
      <c r="B512" s="5" t="s">
        <v>107</v>
      </c>
      <c r="C512" s="5" t="s">
        <v>108</v>
      </c>
      <c r="D512" s="5" t="s">
        <v>109</v>
      </c>
      <c r="E512" s="5" t="s">
        <v>110</v>
      </c>
      <c r="F512" s="12" t="s">
        <v>5</v>
      </c>
    </row>
    <row r="513" spans="1:6" ht="27" customHeight="1" x14ac:dyDescent="0.45">
      <c r="A513" s="13">
        <v>29</v>
      </c>
      <c r="B513" s="29" t="s">
        <v>85</v>
      </c>
      <c r="C513" s="15" t="s">
        <v>284</v>
      </c>
      <c r="D513" s="15" t="s">
        <v>122</v>
      </c>
      <c r="E513" s="15" t="s">
        <v>310</v>
      </c>
      <c r="F513" s="16">
        <v>442022000</v>
      </c>
    </row>
    <row r="514" spans="1:6" ht="27" customHeight="1" thickBot="1" x14ac:dyDescent="0.5">
      <c r="A514" s="17"/>
      <c r="B514" s="30"/>
      <c r="C514" s="19" t="s">
        <v>284</v>
      </c>
      <c r="D514" s="19" t="s">
        <v>122</v>
      </c>
      <c r="E514" s="19" t="s">
        <v>310</v>
      </c>
      <c r="F514" s="20">
        <v>410906000</v>
      </c>
    </row>
    <row r="515" spans="1:6" ht="27" customHeight="1" thickTop="1" x14ac:dyDescent="0.45">
      <c r="A515" s="21"/>
      <c r="B515" s="22"/>
      <c r="C515" s="23" t="s">
        <v>116</v>
      </c>
      <c r="D515" s="24"/>
      <c r="E515" s="25" t="s">
        <v>236</v>
      </c>
      <c r="F515" s="26">
        <v>852928000</v>
      </c>
    </row>
    <row r="516" spans="1:6" ht="27" customHeight="1" x14ac:dyDescent="0.45">
      <c r="F516" s="3"/>
    </row>
    <row r="517" spans="1:6" ht="27" customHeight="1" x14ac:dyDescent="0.45">
      <c r="A517" s="5" t="s">
        <v>2</v>
      </c>
      <c r="B517" s="5" t="s">
        <v>107</v>
      </c>
      <c r="C517" s="5" t="s">
        <v>108</v>
      </c>
      <c r="D517" s="5" t="s">
        <v>109</v>
      </c>
      <c r="E517" s="5" t="s">
        <v>110</v>
      </c>
      <c r="F517" s="12" t="s">
        <v>5</v>
      </c>
    </row>
    <row r="518" spans="1:6" ht="27" customHeight="1" x14ac:dyDescent="0.45">
      <c r="A518" s="40">
        <v>30</v>
      </c>
      <c r="B518" s="41" t="s">
        <v>86</v>
      </c>
      <c r="C518" s="15" t="s">
        <v>284</v>
      </c>
      <c r="D518" s="15" t="s">
        <v>204</v>
      </c>
      <c r="E518" s="15" t="s">
        <v>279</v>
      </c>
      <c r="F518" s="16">
        <v>792090000</v>
      </c>
    </row>
    <row r="519" spans="1:6" ht="27.45" customHeight="1" x14ac:dyDescent="0.45">
      <c r="A519" s="31"/>
      <c r="B519" s="14"/>
      <c r="C519" s="15" t="s">
        <v>284</v>
      </c>
      <c r="D519" s="15" t="s">
        <v>204</v>
      </c>
      <c r="E519" s="15" t="s">
        <v>278</v>
      </c>
      <c r="F519" s="16">
        <v>26550000</v>
      </c>
    </row>
    <row r="520" spans="1:6" ht="27.45" customHeight="1" x14ac:dyDescent="0.45">
      <c r="A520" s="17"/>
      <c r="B520" s="18"/>
      <c r="C520" s="15" t="s">
        <v>284</v>
      </c>
      <c r="D520" s="15" t="s">
        <v>232</v>
      </c>
      <c r="E520" s="15" t="s">
        <v>239</v>
      </c>
      <c r="F520" s="16">
        <v>7301000</v>
      </c>
    </row>
    <row r="521" spans="1:6" ht="27.45" customHeight="1" x14ac:dyDescent="0.45">
      <c r="A521" s="17"/>
      <c r="B521" s="18"/>
      <c r="C521" s="15" t="s">
        <v>284</v>
      </c>
      <c r="D521" s="15" t="s">
        <v>232</v>
      </c>
      <c r="E521" s="15" t="s">
        <v>239</v>
      </c>
      <c r="F521" s="16">
        <v>5178000</v>
      </c>
    </row>
    <row r="522" spans="1:6" ht="27.45" customHeight="1" x14ac:dyDescent="0.45">
      <c r="A522" s="17"/>
      <c r="B522" s="18"/>
      <c r="C522" s="15" t="s">
        <v>284</v>
      </c>
      <c r="D522" s="15" t="s">
        <v>232</v>
      </c>
      <c r="E522" s="15" t="s">
        <v>239</v>
      </c>
      <c r="F522" s="16">
        <v>4597000</v>
      </c>
    </row>
    <row r="523" spans="1:6" ht="27.45" customHeight="1" x14ac:dyDescent="0.45">
      <c r="A523" s="17"/>
      <c r="B523" s="18"/>
      <c r="C523" s="15" t="s">
        <v>284</v>
      </c>
      <c r="D523" s="15" t="s">
        <v>232</v>
      </c>
      <c r="E523" s="15" t="s">
        <v>239</v>
      </c>
      <c r="F523" s="16">
        <v>4040000</v>
      </c>
    </row>
    <row r="524" spans="1:6" ht="27.45" customHeight="1" x14ac:dyDescent="0.45">
      <c r="A524" s="17"/>
      <c r="B524" s="18"/>
      <c r="C524" s="15" t="s">
        <v>284</v>
      </c>
      <c r="D524" s="15" t="s">
        <v>232</v>
      </c>
      <c r="E524" s="15" t="s">
        <v>239</v>
      </c>
      <c r="F524" s="16">
        <v>2998000</v>
      </c>
    </row>
    <row r="525" spans="1:6" ht="27.45" customHeight="1" x14ac:dyDescent="0.45">
      <c r="A525" s="17"/>
      <c r="B525" s="18"/>
      <c r="C525" s="15" t="s">
        <v>284</v>
      </c>
      <c r="D525" s="15" t="s">
        <v>232</v>
      </c>
      <c r="E525" s="15" t="s">
        <v>242</v>
      </c>
      <c r="F525" s="16">
        <v>619000</v>
      </c>
    </row>
    <row r="526" spans="1:6" ht="27.45" customHeight="1" thickBot="1" x14ac:dyDescent="0.5">
      <c r="A526" s="17"/>
      <c r="B526" s="18"/>
      <c r="C526" s="19" t="s">
        <v>284</v>
      </c>
      <c r="D526" s="19" t="s">
        <v>232</v>
      </c>
      <c r="E526" s="19" t="s">
        <v>239</v>
      </c>
      <c r="F526" s="20">
        <v>107500</v>
      </c>
    </row>
    <row r="527" spans="1:6" ht="27.45" customHeight="1" thickTop="1" x14ac:dyDescent="0.45">
      <c r="A527" s="21"/>
      <c r="B527" s="22"/>
      <c r="C527" s="23" t="s">
        <v>116</v>
      </c>
      <c r="D527" s="24"/>
      <c r="E527" s="25" t="s">
        <v>311</v>
      </c>
      <c r="F527" s="26">
        <v>843480500</v>
      </c>
    </row>
    <row r="528" spans="1:6" ht="27.45" customHeight="1" x14ac:dyDescent="0.45">
      <c r="F528" s="3"/>
    </row>
    <row r="529" spans="1:6" ht="27.45" customHeight="1" x14ac:dyDescent="0.45">
      <c r="A529" s="5" t="s">
        <v>2</v>
      </c>
      <c r="B529" s="5" t="s">
        <v>107</v>
      </c>
      <c r="C529" s="5" t="s">
        <v>108</v>
      </c>
      <c r="D529" s="5" t="s">
        <v>109</v>
      </c>
      <c r="E529" s="5" t="s">
        <v>110</v>
      </c>
      <c r="F529" s="12" t="s">
        <v>5</v>
      </c>
    </row>
    <row r="530" spans="1:6" ht="27.45" customHeight="1" x14ac:dyDescent="0.45">
      <c r="A530" s="13">
        <v>31</v>
      </c>
      <c r="B530" s="14" t="s">
        <v>6</v>
      </c>
      <c r="C530" s="15" t="s">
        <v>284</v>
      </c>
      <c r="D530" s="15" t="s">
        <v>112</v>
      </c>
      <c r="E530" s="15" t="s">
        <v>305</v>
      </c>
      <c r="F530" s="16">
        <v>452081930</v>
      </c>
    </row>
    <row r="531" spans="1:6" ht="27.45" customHeight="1" x14ac:dyDescent="0.45">
      <c r="A531" s="17"/>
      <c r="B531" s="18"/>
      <c r="C531" s="15" t="s">
        <v>284</v>
      </c>
      <c r="D531" s="15" t="s">
        <v>129</v>
      </c>
      <c r="E531" s="15" t="s">
        <v>137</v>
      </c>
      <c r="F531" s="16">
        <v>159329692</v>
      </c>
    </row>
    <row r="532" spans="1:6" ht="27.45" customHeight="1" x14ac:dyDescent="0.45">
      <c r="A532" s="17"/>
      <c r="B532" s="18"/>
      <c r="C532" s="15" t="s">
        <v>284</v>
      </c>
      <c r="D532" s="15" t="s">
        <v>112</v>
      </c>
      <c r="E532" s="15" t="s">
        <v>305</v>
      </c>
      <c r="F532" s="16">
        <v>72810745</v>
      </c>
    </row>
    <row r="533" spans="1:6" ht="27.45" customHeight="1" x14ac:dyDescent="0.45">
      <c r="A533" s="17"/>
      <c r="B533" s="18"/>
      <c r="C533" s="15" t="s">
        <v>284</v>
      </c>
      <c r="D533" s="15" t="s">
        <v>112</v>
      </c>
      <c r="E533" s="15" t="s">
        <v>305</v>
      </c>
      <c r="F533" s="16">
        <v>61456872</v>
      </c>
    </row>
    <row r="534" spans="1:6" ht="27.45" customHeight="1" x14ac:dyDescent="0.45">
      <c r="A534" s="17"/>
      <c r="B534" s="18"/>
      <c r="C534" s="15" t="s">
        <v>284</v>
      </c>
      <c r="D534" s="15" t="s">
        <v>112</v>
      </c>
      <c r="E534" s="15" t="s">
        <v>305</v>
      </c>
      <c r="F534" s="16">
        <v>45210398</v>
      </c>
    </row>
    <row r="535" spans="1:6" ht="27.45" customHeight="1" x14ac:dyDescent="0.45">
      <c r="A535" s="17"/>
      <c r="B535" s="18"/>
      <c r="C535" s="15" t="s">
        <v>284</v>
      </c>
      <c r="D535" s="15" t="s">
        <v>112</v>
      </c>
      <c r="E535" s="15" t="s">
        <v>305</v>
      </c>
      <c r="F535" s="16">
        <v>19524572</v>
      </c>
    </row>
    <row r="536" spans="1:6" ht="27.45" customHeight="1" x14ac:dyDescent="0.45">
      <c r="A536" s="17"/>
      <c r="B536" s="18"/>
      <c r="C536" s="15" t="s">
        <v>285</v>
      </c>
      <c r="D536" s="15" t="s">
        <v>112</v>
      </c>
      <c r="E536" s="15" t="s">
        <v>304</v>
      </c>
      <c r="F536" s="16">
        <v>5166000</v>
      </c>
    </row>
    <row r="537" spans="1:6" ht="27.45" customHeight="1" x14ac:dyDescent="0.45">
      <c r="A537" s="17"/>
      <c r="B537" s="18"/>
      <c r="C537" s="15" t="s">
        <v>285</v>
      </c>
      <c r="D537" s="15" t="s">
        <v>112</v>
      </c>
      <c r="E537" s="15" t="s">
        <v>304</v>
      </c>
      <c r="F537" s="16">
        <v>4026038</v>
      </c>
    </row>
    <row r="538" spans="1:6" ht="27.45" customHeight="1" x14ac:dyDescent="0.45">
      <c r="A538" s="17"/>
      <c r="B538" s="18"/>
      <c r="C538" s="15" t="s">
        <v>284</v>
      </c>
      <c r="D538" s="15" t="s">
        <v>159</v>
      </c>
      <c r="E538" s="15" t="s">
        <v>308</v>
      </c>
      <c r="F538" s="16">
        <v>2210075</v>
      </c>
    </row>
    <row r="539" spans="1:6" ht="27.45" customHeight="1" x14ac:dyDescent="0.45">
      <c r="A539" s="17"/>
      <c r="B539" s="18"/>
      <c r="C539" s="15" t="s">
        <v>284</v>
      </c>
      <c r="D539" s="15" t="s">
        <v>112</v>
      </c>
      <c r="E539" s="15" t="s">
        <v>305</v>
      </c>
      <c r="F539" s="16">
        <v>2065600</v>
      </c>
    </row>
    <row r="540" spans="1:6" ht="27.45" customHeight="1" x14ac:dyDescent="0.45">
      <c r="A540" s="17"/>
      <c r="B540" s="18"/>
      <c r="C540" s="15" t="s">
        <v>284</v>
      </c>
      <c r="D540" s="15" t="s">
        <v>112</v>
      </c>
      <c r="E540" s="15" t="s">
        <v>305</v>
      </c>
      <c r="F540" s="16">
        <v>1182465</v>
      </c>
    </row>
    <row r="541" spans="1:6" ht="27.45" customHeight="1" x14ac:dyDescent="0.45">
      <c r="A541" s="17"/>
      <c r="B541" s="18"/>
      <c r="C541" s="15" t="s">
        <v>284</v>
      </c>
      <c r="D541" s="15" t="s">
        <v>112</v>
      </c>
      <c r="E541" s="15" t="s">
        <v>305</v>
      </c>
      <c r="F541" s="16">
        <v>746400</v>
      </c>
    </row>
    <row r="542" spans="1:6" ht="27.45" customHeight="1" x14ac:dyDescent="0.45">
      <c r="A542" s="17"/>
      <c r="B542" s="18"/>
      <c r="C542" s="15" t="s">
        <v>284</v>
      </c>
      <c r="D542" s="15" t="s">
        <v>112</v>
      </c>
      <c r="E542" s="15" t="s">
        <v>305</v>
      </c>
      <c r="F542" s="16">
        <v>603166</v>
      </c>
    </row>
    <row r="543" spans="1:6" ht="27.45" customHeight="1" thickBot="1" x14ac:dyDescent="0.5">
      <c r="A543" s="17"/>
      <c r="B543" s="18"/>
      <c r="C543" s="19" t="s">
        <v>284</v>
      </c>
      <c r="D543" s="19" t="s">
        <v>112</v>
      </c>
      <c r="E543" s="19" t="s">
        <v>305</v>
      </c>
      <c r="F543" s="20">
        <v>3165</v>
      </c>
    </row>
    <row r="544" spans="1:6" ht="27.45" customHeight="1" thickTop="1" x14ac:dyDescent="0.45">
      <c r="A544" s="21"/>
      <c r="B544" s="22"/>
      <c r="C544" s="23" t="s">
        <v>116</v>
      </c>
      <c r="D544" s="24"/>
      <c r="E544" s="25" t="s">
        <v>212</v>
      </c>
      <c r="F544" s="26">
        <v>826417118</v>
      </c>
    </row>
    <row r="545" spans="1:6" ht="27.45" customHeight="1" x14ac:dyDescent="0.45">
      <c r="F545" s="3"/>
    </row>
    <row r="546" spans="1:6" ht="27.45" customHeight="1" x14ac:dyDescent="0.45">
      <c r="A546" s="5" t="s">
        <v>2</v>
      </c>
      <c r="B546" s="5" t="s">
        <v>107</v>
      </c>
      <c r="C546" s="5" t="s">
        <v>108</v>
      </c>
      <c r="D546" s="5" t="s">
        <v>109</v>
      </c>
      <c r="E546" s="5" t="s">
        <v>110</v>
      </c>
      <c r="F546" s="12" t="s">
        <v>5</v>
      </c>
    </row>
    <row r="547" spans="1:6" ht="27.45" customHeight="1" x14ac:dyDescent="0.45">
      <c r="A547" s="13">
        <v>32</v>
      </c>
      <c r="B547" s="14" t="s">
        <v>87</v>
      </c>
      <c r="C547" s="15" t="s">
        <v>284</v>
      </c>
      <c r="D547" s="15" t="s">
        <v>131</v>
      </c>
      <c r="E547" s="15" t="s">
        <v>302</v>
      </c>
      <c r="F547" s="16">
        <v>522054000</v>
      </c>
    </row>
    <row r="548" spans="1:6" ht="27.45" customHeight="1" x14ac:dyDescent="0.45">
      <c r="A548" s="17"/>
      <c r="B548" s="18"/>
      <c r="C548" s="15" t="s">
        <v>284</v>
      </c>
      <c r="D548" s="15" t="s">
        <v>131</v>
      </c>
      <c r="E548" s="15" t="s">
        <v>302</v>
      </c>
      <c r="F548" s="16">
        <v>204624800</v>
      </c>
    </row>
    <row r="549" spans="1:6" ht="27.45" customHeight="1" x14ac:dyDescent="0.45">
      <c r="A549" s="17"/>
      <c r="B549" s="18"/>
      <c r="C549" s="15" t="s">
        <v>284</v>
      </c>
      <c r="D549" s="15" t="s">
        <v>131</v>
      </c>
      <c r="E549" s="15" t="s">
        <v>302</v>
      </c>
      <c r="F549" s="16">
        <v>72791500</v>
      </c>
    </row>
    <row r="550" spans="1:6" ht="27.45" customHeight="1" x14ac:dyDescent="0.45">
      <c r="A550" s="17"/>
      <c r="B550" s="18"/>
      <c r="C550" s="15" t="s">
        <v>284</v>
      </c>
      <c r="D550" s="15" t="s">
        <v>131</v>
      </c>
      <c r="E550" s="15" t="s">
        <v>302</v>
      </c>
      <c r="F550" s="16">
        <v>9480000</v>
      </c>
    </row>
    <row r="551" spans="1:6" ht="27.45" customHeight="1" x14ac:dyDescent="0.45">
      <c r="A551" s="17"/>
      <c r="B551" s="18"/>
      <c r="C551" s="15" t="s">
        <v>284</v>
      </c>
      <c r="D551" s="15" t="s">
        <v>131</v>
      </c>
      <c r="E551" s="15" t="s">
        <v>302</v>
      </c>
      <c r="F551" s="16">
        <v>1139000</v>
      </c>
    </row>
    <row r="552" spans="1:6" ht="27.45" customHeight="1" thickBot="1" x14ac:dyDescent="0.5">
      <c r="A552" s="17"/>
      <c r="B552" s="18"/>
      <c r="C552" s="19" t="s">
        <v>284</v>
      </c>
      <c r="D552" s="19" t="s">
        <v>131</v>
      </c>
      <c r="E552" s="19" t="s">
        <v>302</v>
      </c>
      <c r="F552" s="20">
        <v>90000</v>
      </c>
    </row>
    <row r="553" spans="1:6" ht="27.45" customHeight="1" thickTop="1" x14ac:dyDescent="0.45">
      <c r="A553" s="21"/>
      <c r="B553" s="22"/>
      <c r="C553" s="23" t="s">
        <v>116</v>
      </c>
      <c r="D553" s="24"/>
      <c r="E553" s="25" t="s">
        <v>300</v>
      </c>
      <c r="F553" s="26">
        <v>810179300</v>
      </c>
    </row>
    <row r="554" spans="1:6" ht="27" customHeight="1" x14ac:dyDescent="0.45">
      <c r="F554" s="3"/>
    </row>
    <row r="555" spans="1:6" ht="27.45" customHeight="1" x14ac:dyDescent="0.45">
      <c r="A555" s="5" t="s">
        <v>2</v>
      </c>
      <c r="B555" s="5" t="s">
        <v>107</v>
      </c>
      <c r="C555" s="5" t="s">
        <v>108</v>
      </c>
      <c r="D555" s="5" t="s">
        <v>109</v>
      </c>
      <c r="E555" s="5" t="s">
        <v>110</v>
      </c>
      <c r="F555" s="12" t="s">
        <v>5</v>
      </c>
    </row>
    <row r="556" spans="1:6" ht="27.45" customHeight="1" x14ac:dyDescent="0.45">
      <c r="A556" s="13">
        <v>33</v>
      </c>
      <c r="B556" s="14" t="s">
        <v>88</v>
      </c>
      <c r="C556" s="15" t="s">
        <v>284</v>
      </c>
      <c r="D556" s="15" t="s">
        <v>131</v>
      </c>
      <c r="E556" s="15" t="s">
        <v>302</v>
      </c>
      <c r="F556" s="16">
        <v>407451000</v>
      </c>
    </row>
    <row r="557" spans="1:6" ht="27.45" customHeight="1" x14ac:dyDescent="0.45">
      <c r="A557" s="17"/>
      <c r="B557" s="18"/>
      <c r="C557" s="15" t="s">
        <v>284</v>
      </c>
      <c r="D557" s="15" t="s">
        <v>131</v>
      </c>
      <c r="E557" s="15" t="s">
        <v>302</v>
      </c>
      <c r="F557" s="16">
        <v>266300400</v>
      </c>
    </row>
    <row r="558" spans="1:6" ht="27.45" customHeight="1" x14ac:dyDescent="0.45">
      <c r="A558" s="17"/>
      <c r="B558" s="18"/>
      <c r="C558" s="15" t="s">
        <v>284</v>
      </c>
      <c r="D558" s="15" t="s">
        <v>131</v>
      </c>
      <c r="E558" s="15" t="s">
        <v>302</v>
      </c>
      <c r="F558" s="16">
        <v>89288500</v>
      </c>
    </row>
    <row r="559" spans="1:6" ht="27.45" customHeight="1" x14ac:dyDescent="0.45">
      <c r="A559" s="17"/>
      <c r="B559" s="18"/>
      <c r="C559" s="15" t="s">
        <v>284</v>
      </c>
      <c r="D559" s="15" t="s">
        <v>131</v>
      </c>
      <c r="E559" s="15" t="s">
        <v>302</v>
      </c>
      <c r="F559" s="16">
        <v>4280000</v>
      </c>
    </row>
    <row r="560" spans="1:6" ht="27.45" customHeight="1" thickBot="1" x14ac:dyDescent="0.5">
      <c r="A560" s="17"/>
      <c r="B560" s="18"/>
      <c r="C560" s="19" t="s">
        <v>284</v>
      </c>
      <c r="D560" s="19" t="s">
        <v>129</v>
      </c>
      <c r="E560" s="19" t="s">
        <v>191</v>
      </c>
      <c r="F560" s="20">
        <v>352606</v>
      </c>
    </row>
    <row r="561" spans="1:6" ht="27.45" customHeight="1" thickTop="1" x14ac:dyDescent="0.45">
      <c r="A561" s="21"/>
      <c r="B561" s="22"/>
      <c r="C561" s="23" t="s">
        <v>116</v>
      </c>
      <c r="D561" s="24"/>
      <c r="E561" s="25" t="s">
        <v>161</v>
      </c>
      <c r="F561" s="26">
        <v>767672506</v>
      </c>
    </row>
    <row r="562" spans="1:6" ht="27.45" customHeight="1" x14ac:dyDescent="0.45">
      <c r="F562" s="3"/>
    </row>
    <row r="563" spans="1:6" ht="27.45" customHeight="1" x14ac:dyDescent="0.45">
      <c r="A563" s="5" t="s">
        <v>2</v>
      </c>
      <c r="B563" s="5" t="s">
        <v>107</v>
      </c>
      <c r="C563" s="5" t="s">
        <v>108</v>
      </c>
      <c r="D563" s="5" t="s">
        <v>109</v>
      </c>
      <c r="E563" s="5" t="s">
        <v>110</v>
      </c>
      <c r="F563" s="12" t="s">
        <v>5</v>
      </c>
    </row>
    <row r="564" spans="1:6" ht="27.45" customHeight="1" x14ac:dyDescent="0.45">
      <c r="A564" s="13">
        <v>34</v>
      </c>
      <c r="B564" s="14" t="s">
        <v>89</v>
      </c>
      <c r="C564" s="15" t="s">
        <v>284</v>
      </c>
      <c r="D564" s="15" t="s">
        <v>131</v>
      </c>
      <c r="E564" s="15" t="s">
        <v>302</v>
      </c>
      <c r="F564" s="16">
        <v>407213000</v>
      </c>
    </row>
    <row r="565" spans="1:6" ht="27.45" customHeight="1" x14ac:dyDescent="0.45">
      <c r="A565" s="17"/>
      <c r="B565" s="18"/>
      <c r="C565" s="15" t="s">
        <v>284</v>
      </c>
      <c r="D565" s="15" t="s">
        <v>131</v>
      </c>
      <c r="E565" s="15" t="s">
        <v>302</v>
      </c>
      <c r="F565" s="16">
        <v>253024200</v>
      </c>
    </row>
    <row r="566" spans="1:6" ht="27.45" customHeight="1" x14ac:dyDescent="0.45">
      <c r="A566" s="17"/>
      <c r="B566" s="18"/>
      <c r="C566" s="15" t="s">
        <v>284</v>
      </c>
      <c r="D566" s="15" t="s">
        <v>131</v>
      </c>
      <c r="E566" s="15" t="s">
        <v>302</v>
      </c>
      <c r="F566" s="16">
        <v>102104400</v>
      </c>
    </row>
    <row r="567" spans="1:6" ht="27.45" customHeight="1" thickBot="1" x14ac:dyDescent="0.5">
      <c r="A567" s="17"/>
      <c r="B567" s="18"/>
      <c r="C567" s="19" t="s">
        <v>284</v>
      </c>
      <c r="D567" s="19" t="s">
        <v>131</v>
      </c>
      <c r="E567" s="19" t="s">
        <v>302</v>
      </c>
      <c r="F567" s="20">
        <v>3860000</v>
      </c>
    </row>
    <row r="568" spans="1:6" ht="27.45" customHeight="1" thickTop="1" x14ac:dyDescent="0.45">
      <c r="A568" s="21"/>
      <c r="B568" s="22"/>
      <c r="C568" s="23" t="s">
        <v>116</v>
      </c>
      <c r="D568" s="24"/>
      <c r="E568" s="25" t="s">
        <v>117</v>
      </c>
      <c r="F568" s="26">
        <v>766201600</v>
      </c>
    </row>
    <row r="569" spans="1:6" ht="27.45" customHeight="1" x14ac:dyDescent="0.45">
      <c r="F569" s="3"/>
    </row>
    <row r="570" spans="1:6" ht="27.45" customHeight="1" x14ac:dyDescent="0.45">
      <c r="A570" s="5" t="s">
        <v>2</v>
      </c>
      <c r="B570" s="5" t="s">
        <v>107</v>
      </c>
      <c r="C570" s="5" t="s">
        <v>108</v>
      </c>
      <c r="D570" s="5" t="s">
        <v>109</v>
      </c>
      <c r="E570" s="5" t="s">
        <v>110</v>
      </c>
      <c r="F570" s="12" t="s">
        <v>5</v>
      </c>
    </row>
    <row r="571" spans="1:6" ht="27.45" customHeight="1" x14ac:dyDescent="0.45">
      <c r="A571" s="13">
        <v>35</v>
      </c>
      <c r="B571" s="14" t="s">
        <v>90</v>
      </c>
      <c r="C571" s="15" t="s">
        <v>284</v>
      </c>
      <c r="D571" s="15" t="s">
        <v>131</v>
      </c>
      <c r="E571" s="15" t="s">
        <v>302</v>
      </c>
      <c r="F571" s="16">
        <v>401970000</v>
      </c>
    </row>
    <row r="572" spans="1:6" ht="27.45" customHeight="1" x14ac:dyDescent="0.45">
      <c r="A572" s="17"/>
      <c r="B572" s="18"/>
      <c r="C572" s="15" t="s">
        <v>284</v>
      </c>
      <c r="D572" s="15" t="s">
        <v>131</v>
      </c>
      <c r="E572" s="15" t="s">
        <v>302</v>
      </c>
      <c r="F572" s="16">
        <v>260739600</v>
      </c>
    </row>
    <row r="573" spans="1:6" ht="27.45" customHeight="1" x14ac:dyDescent="0.45">
      <c r="A573" s="17"/>
      <c r="B573" s="18"/>
      <c r="C573" s="15" t="s">
        <v>284</v>
      </c>
      <c r="D573" s="15" t="s">
        <v>131</v>
      </c>
      <c r="E573" s="15" t="s">
        <v>302</v>
      </c>
      <c r="F573" s="16">
        <v>95402900</v>
      </c>
    </row>
    <row r="574" spans="1:6" ht="27.45" customHeight="1" x14ac:dyDescent="0.45">
      <c r="A574" s="17"/>
      <c r="B574" s="18"/>
      <c r="C574" s="15" t="s">
        <v>284</v>
      </c>
      <c r="D574" s="15" t="s">
        <v>131</v>
      </c>
      <c r="E574" s="15" t="s">
        <v>302</v>
      </c>
      <c r="F574" s="16">
        <v>3900000</v>
      </c>
    </row>
    <row r="575" spans="1:6" ht="27.45" customHeight="1" thickBot="1" x14ac:dyDescent="0.5">
      <c r="A575" s="17"/>
      <c r="B575" s="18"/>
      <c r="C575" s="19" t="s">
        <v>284</v>
      </c>
      <c r="D575" s="19" t="s">
        <v>131</v>
      </c>
      <c r="E575" s="19" t="s">
        <v>302</v>
      </c>
      <c r="F575" s="20">
        <v>364000</v>
      </c>
    </row>
    <row r="576" spans="1:6" ht="27.45" customHeight="1" thickTop="1" x14ac:dyDescent="0.45">
      <c r="A576" s="21"/>
      <c r="B576" s="22"/>
      <c r="C576" s="23" t="s">
        <v>116</v>
      </c>
      <c r="D576" s="24"/>
      <c r="E576" s="25" t="s">
        <v>161</v>
      </c>
      <c r="F576" s="26">
        <v>762376500</v>
      </c>
    </row>
    <row r="577" spans="1:6" ht="27.45" customHeight="1" x14ac:dyDescent="0.45">
      <c r="F577" s="3"/>
    </row>
    <row r="578" spans="1:6" ht="27.45" customHeight="1" x14ac:dyDescent="0.45">
      <c r="A578" s="5" t="s">
        <v>2</v>
      </c>
      <c r="B578" s="5" t="s">
        <v>107</v>
      </c>
      <c r="C578" s="5" t="s">
        <v>108</v>
      </c>
      <c r="D578" s="5" t="s">
        <v>109</v>
      </c>
      <c r="E578" s="5" t="s">
        <v>110</v>
      </c>
      <c r="F578" s="12" t="s">
        <v>5</v>
      </c>
    </row>
    <row r="579" spans="1:6" ht="27.45" customHeight="1" x14ac:dyDescent="0.45">
      <c r="A579" s="13">
        <v>36</v>
      </c>
      <c r="B579" s="14" t="s">
        <v>91</v>
      </c>
      <c r="C579" s="15" t="s">
        <v>284</v>
      </c>
      <c r="D579" s="15" t="s">
        <v>131</v>
      </c>
      <c r="E579" s="15" t="s">
        <v>302</v>
      </c>
      <c r="F579" s="16">
        <v>522318000</v>
      </c>
    </row>
    <row r="580" spans="1:6" ht="27.45" customHeight="1" x14ac:dyDescent="0.45">
      <c r="A580" s="17"/>
      <c r="B580" s="18"/>
      <c r="C580" s="15" t="s">
        <v>284</v>
      </c>
      <c r="D580" s="15" t="s">
        <v>131</v>
      </c>
      <c r="E580" s="15" t="s">
        <v>302</v>
      </c>
      <c r="F580" s="16">
        <v>149434800</v>
      </c>
    </row>
    <row r="581" spans="1:6" ht="27.45" customHeight="1" x14ac:dyDescent="0.45">
      <c r="A581" s="17"/>
      <c r="B581" s="18"/>
      <c r="C581" s="15" t="s">
        <v>284</v>
      </c>
      <c r="D581" s="15" t="s">
        <v>131</v>
      </c>
      <c r="E581" s="15" t="s">
        <v>302</v>
      </c>
      <c r="F581" s="16">
        <v>66043100</v>
      </c>
    </row>
    <row r="582" spans="1:6" ht="27.45" customHeight="1" x14ac:dyDescent="0.45">
      <c r="A582" s="17"/>
      <c r="B582" s="18"/>
      <c r="C582" s="15" t="s">
        <v>284</v>
      </c>
      <c r="D582" s="15" t="s">
        <v>131</v>
      </c>
      <c r="E582" s="15" t="s">
        <v>302</v>
      </c>
      <c r="F582" s="16">
        <v>10920000</v>
      </c>
    </row>
    <row r="583" spans="1:6" ht="27.45" customHeight="1" x14ac:dyDescent="0.45">
      <c r="A583" s="17"/>
      <c r="B583" s="18"/>
      <c r="C583" s="15" t="s">
        <v>284</v>
      </c>
      <c r="D583" s="15" t="s">
        <v>131</v>
      </c>
      <c r="E583" s="15" t="s">
        <v>302</v>
      </c>
      <c r="F583" s="16">
        <v>4704000</v>
      </c>
    </row>
    <row r="584" spans="1:6" ht="27.45" customHeight="1" x14ac:dyDescent="0.45">
      <c r="A584" s="17"/>
      <c r="B584" s="18"/>
      <c r="C584" s="15" t="s">
        <v>284</v>
      </c>
      <c r="D584" s="15" t="s">
        <v>131</v>
      </c>
      <c r="E584" s="15" t="s">
        <v>302</v>
      </c>
      <c r="F584" s="16">
        <v>407000</v>
      </c>
    </row>
    <row r="585" spans="1:6" ht="27.45" customHeight="1" x14ac:dyDescent="0.45">
      <c r="A585" s="17"/>
      <c r="B585" s="18"/>
      <c r="C585" s="15" t="s">
        <v>284</v>
      </c>
      <c r="D585" s="15" t="s">
        <v>131</v>
      </c>
      <c r="E585" s="15" t="s">
        <v>302</v>
      </c>
      <c r="F585" s="16">
        <v>337000</v>
      </c>
    </row>
    <row r="586" spans="1:6" ht="27.45" customHeight="1" x14ac:dyDescent="0.45">
      <c r="A586" s="17"/>
      <c r="B586" s="18"/>
      <c r="C586" s="15" t="s">
        <v>284</v>
      </c>
      <c r="D586" s="15" t="s">
        <v>131</v>
      </c>
      <c r="E586" s="15" t="s">
        <v>302</v>
      </c>
      <c r="F586" s="16">
        <v>336000</v>
      </c>
    </row>
    <row r="587" spans="1:6" ht="27.45" customHeight="1" x14ac:dyDescent="0.45">
      <c r="A587" s="17"/>
      <c r="B587" s="18"/>
      <c r="C587" s="15" t="s">
        <v>284</v>
      </c>
      <c r="D587" s="15" t="s">
        <v>131</v>
      </c>
      <c r="E587" s="15" t="s">
        <v>302</v>
      </c>
      <c r="F587" s="16">
        <v>222000</v>
      </c>
    </row>
    <row r="588" spans="1:6" ht="27.45" customHeight="1" thickBot="1" x14ac:dyDescent="0.5">
      <c r="A588" s="17"/>
      <c r="B588" s="18"/>
      <c r="C588" s="19" t="s">
        <v>284</v>
      </c>
      <c r="D588" s="19" t="s">
        <v>131</v>
      </c>
      <c r="E588" s="19" t="s">
        <v>302</v>
      </c>
      <c r="F588" s="20">
        <v>21000</v>
      </c>
    </row>
    <row r="589" spans="1:6" ht="27.45" customHeight="1" thickTop="1" x14ac:dyDescent="0.45">
      <c r="A589" s="21"/>
      <c r="B589" s="22"/>
      <c r="C589" s="23" t="s">
        <v>116</v>
      </c>
      <c r="D589" s="24"/>
      <c r="E589" s="25" t="s">
        <v>238</v>
      </c>
      <c r="F589" s="26">
        <v>754742900</v>
      </c>
    </row>
    <row r="590" spans="1:6" ht="27.45" customHeight="1" x14ac:dyDescent="0.45">
      <c r="F590" s="3"/>
    </row>
    <row r="591" spans="1:6" ht="27" customHeight="1" x14ac:dyDescent="0.45">
      <c r="A591" s="5" t="s">
        <v>2</v>
      </c>
      <c r="B591" s="5" t="s">
        <v>107</v>
      </c>
      <c r="C591" s="5" t="s">
        <v>108</v>
      </c>
      <c r="D591" s="5" t="s">
        <v>109</v>
      </c>
      <c r="E591" s="5" t="s">
        <v>110</v>
      </c>
      <c r="F591" s="12" t="s">
        <v>5</v>
      </c>
    </row>
    <row r="592" spans="1:6" ht="27" customHeight="1" x14ac:dyDescent="0.45">
      <c r="A592" s="13">
        <v>37</v>
      </c>
      <c r="B592" s="14" t="s">
        <v>92</v>
      </c>
      <c r="C592" s="15" t="s">
        <v>284</v>
      </c>
      <c r="D592" s="15" t="s">
        <v>131</v>
      </c>
      <c r="E592" s="15" t="s">
        <v>302</v>
      </c>
      <c r="F592" s="16">
        <v>239606400</v>
      </c>
    </row>
    <row r="593" spans="1:6" ht="27" customHeight="1" x14ac:dyDescent="0.45">
      <c r="A593" s="17"/>
      <c r="B593" s="18"/>
      <c r="C593" s="15" t="s">
        <v>284</v>
      </c>
      <c r="D593" s="15" t="s">
        <v>131</v>
      </c>
      <c r="E593" s="15" t="s">
        <v>302</v>
      </c>
      <c r="F593" s="16">
        <v>226227000</v>
      </c>
    </row>
    <row r="594" spans="1:6" ht="27" customHeight="1" x14ac:dyDescent="0.45">
      <c r="A594" s="17"/>
      <c r="B594" s="18"/>
      <c r="C594" s="15" t="s">
        <v>284</v>
      </c>
      <c r="D594" s="15" t="s">
        <v>131</v>
      </c>
      <c r="E594" s="15" t="s">
        <v>302</v>
      </c>
      <c r="F594" s="16">
        <v>68864700</v>
      </c>
    </row>
    <row r="595" spans="1:6" ht="27" customHeight="1" x14ac:dyDescent="0.45">
      <c r="A595" s="17"/>
      <c r="B595" s="18"/>
      <c r="C595" s="15" t="s">
        <v>284</v>
      </c>
      <c r="D595" s="15" t="s">
        <v>131</v>
      </c>
      <c r="E595" s="15" t="s">
        <v>302</v>
      </c>
      <c r="F595" s="16">
        <v>68372700</v>
      </c>
    </row>
    <row r="596" spans="1:6" ht="27" customHeight="1" x14ac:dyDescent="0.45">
      <c r="A596" s="17"/>
      <c r="B596" s="18"/>
      <c r="C596" s="15" t="s">
        <v>284</v>
      </c>
      <c r="D596" s="15" t="s">
        <v>131</v>
      </c>
      <c r="E596" s="15" t="s">
        <v>302</v>
      </c>
      <c r="F596" s="16">
        <v>36493000</v>
      </c>
    </row>
    <row r="597" spans="1:6" ht="27" customHeight="1" x14ac:dyDescent="0.45">
      <c r="A597" s="17"/>
      <c r="B597" s="18"/>
      <c r="C597" s="15" t="s">
        <v>284</v>
      </c>
      <c r="D597" s="15" t="s">
        <v>131</v>
      </c>
      <c r="E597" s="15" t="s">
        <v>302</v>
      </c>
      <c r="F597" s="16">
        <v>19891000</v>
      </c>
    </row>
    <row r="598" spans="1:6" ht="27" customHeight="1" x14ac:dyDescent="0.45">
      <c r="A598" s="17"/>
      <c r="B598" s="18"/>
      <c r="C598" s="15" t="s">
        <v>284</v>
      </c>
      <c r="D598" s="15" t="s">
        <v>131</v>
      </c>
      <c r="E598" s="15" t="s">
        <v>302</v>
      </c>
      <c r="F598" s="16">
        <v>13842000</v>
      </c>
    </row>
    <row r="599" spans="1:6" ht="27" customHeight="1" x14ac:dyDescent="0.45">
      <c r="A599" s="17"/>
      <c r="B599" s="18"/>
      <c r="C599" s="15" t="s">
        <v>284</v>
      </c>
      <c r="D599" s="15" t="s">
        <v>131</v>
      </c>
      <c r="E599" s="15" t="s">
        <v>302</v>
      </c>
      <c r="F599" s="16">
        <v>9730000</v>
      </c>
    </row>
    <row r="600" spans="1:6" ht="27" customHeight="1" x14ac:dyDescent="0.45">
      <c r="A600" s="17"/>
      <c r="B600" s="18"/>
      <c r="C600" s="15" t="s">
        <v>284</v>
      </c>
      <c r="D600" s="15" t="s">
        <v>131</v>
      </c>
      <c r="E600" s="15" t="s">
        <v>302</v>
      </c>
      <c r="F600" s="16">
        <v>8722000</v>
      </c>
    </row>
    <row r="601" spans="1:6" ht="27" customHeight="1" x14ac:dyDescent="0.45">
      <c r="A601" s="17"/>
      <c r="B601" s="18"/>
      <c r="C601" s="15" t="s">
        <v>284</v>
      </c>
      <c r="D601" s="15" t="s">
        <v>131</v>
      </c>
      <c r="E601" s="15" t="s">
        <v>302</v>
      </c>
      <c r="F601" s="16">
        <v>7950000</v>
      </c>
    </row>
    <row r="602" spans="1:6" ht="27" customHeight="1" x14ac:dyDescent="0.45">
      <c r="A602" s="17"/>
      <c r="B602" s="18"/>
      <c r="C602" s="15" t="s">
        <v>284</v>
      </c>
      <c r="D602" s="15" t="s">
        <v>131</v>
      </c>
      <c r="E602" s="15" t="s">
        <v>302</v>
      </c>
      <c r="F602" s="16">
        <v>7056000</v>
      </c>
    </row>
    <row r="603" spans="1:6" ht="27" customHeight="1" x14ac:dyDescent="0.45">
      <c r="A603" s="17"/>
      <c r="B603" s="18"/>
      <c r="C603" s="15" t="s">
        <v>284</v>
      </c>
      <c r="D603" s="15" t="s">
        <v>131</v>
      </c>
      <c r="E603" s="15" t="s">
        <v>302</v>
      </c>
      <c r="F603" s="16">
        <v>3870000</v>
      </c>
    </row>
    <row r="604" spans="1:6" ht="27" customHeight="1" x14ac:dyDescent="0.45">
      <c r="A604" s="17"/>
      <c r="B604" s="18"/>
      <c r="C604" s="15" t="s">
        <v>284</v>
      </c>
      <c r="D604" s="15" t="s">
        <v>131</v>
      </c>
      <c r="E604" s="15" t="s">
        <v>302</v>
      </c>
      <c r="F604" s="16">
        <v>3000000</v>
      </c>
    </row>
    <row r="605" spans="1:6" ht="27" customHeight="1" x14ac:dyDescent="0.45">
      <c r="A605" s="17"/>
      <c r="B605" s="18"/>
      <c r="C605" s="15" t="s">
        <v>285</v>
      </c>
      <c r="D605" s="15" t="s">
        <v>131</v>
      </c>
      <c r="E605" s="15" t="s">
        <v>302</v>
      </c>
      <c r="F605" s="16">
        <v>1260000</v>
      </c>
    </row>
    <row r="606" spans="1:6" ht="27" customHeight="1" x14ac:dyDescent="0.45">
      <c r="A606" s="17"/>
      <c r="B606" s="18"/>
      <c r="C606" s="15" t="s">
        <v>284</v>
      </c>
      <c r="D606" s="15" t="s">
        <v>131</v>
      </c>
      <c r="E606" s="15" t="s">
        <v>302</v>
      </c>
      <c r="F606" s="16">
        <v>700000</v>
      </c>
    </row>
    <row r="607" spans="1:6" ht="27" customHeight="1" x14ac:dyDescent="0.45">
      <c r="A607" s="17"/>
      <c r="B607" s="18"/>
      <c r="C607" s="15" t="s">
        <v>284</v>
      </c>
      <c r="D607" s="15" t="s">
        <v>131</v>
      </c>
      <c r="E607" s="15" t="s">
        <v>302</v>
      </c>
      <c r="F607" s="16">
        <v>638000</v>
      </c>
    </row>
    <row r="608" spans="1:6" ht="27" customHeight="1" x14ac:dyDescent="0.45">
      <c r="A608" s="17"/>
      <c r="B608" s="18"/>
      <c r="C608" s="15" t="s">
        <v>284</v>
      </c>
      <c r="D608" s="15" t="s">
        <v>131</v>
      </c>
      <c r="E608" s="15" t="s">
        <v>302</v>
      </c>
      <c r="F608" s="16">
        <v>600000</v>
      </c>
    </row>
    <row r="609" spans="1:6" ht="27" customHeight="1" thickBot="1" x14ac:dyDescent="0.5">
      <c r="A609" s="17"/>
      <c r="B609" s="18"/>
      <c r="C609" s="19" t="s">
        <v>284</v>
      </c>
      <c r="D609" s="19" t="s">
        <v>131</v>
      </c>
      <c r="E609" s="19" t="s">
        <v>302</v>
      </c>
      <c r="F609" s="20">
        <v>429000</v>
      </c>
    </row>
    <row r="610" spans="1:6" ht="27" customHeight="1" thickTop="1" x14ac:dyDescent="0.45">
      <c r="A610" s="21"/>
      <c r="B610" s="22"/>
      <c r="C610" s="23" t="s">
        <v>116</v>
      </c>
      <c r="D610" s="24"/>
      <c r="E610" s="25" t="s">
        <v>141</v>
      </c>
      <c r="F610" s="26">
        <v>717251800</v>
      </c>
    </row>
    <row r="611" spans="1:6" ht="27" customHeight="1" x14ac:dyDescent="0.45">
      <c r="F611" s="3"/>
    </row>
    <row r="612" spans="1:6" ht="27" customHeight="1" x14ac:dyDescent="0.45">
      <c r="A612" s="5" t="s">
        <v>2</v>
      </c>
      <c r="B612" s="5" t="s">
        <v>107</v>
      </c>
      <c r="C612" s="5" t="s">
        <v>108</v>
      </c>
      <c r="D612" s="5" t="s">
        <v>109</v>
      </c>
      <c r="E612" s="5" t="s">
        <v>110</v>
      </c>
      <c r="F612" s="12" t="s">
        <v>5</v>
      </c>
    </row>
    <row r="613" spans="1:6" ht="27" customHeight="1" x14ac:dyDescent="0.45">
      <c r="A613" s="13">
        <v>38</v>
      </c>
      <c r="B613" s="14" t="s">
        <v>93</v>
      </c>
      <c r="C613" s="15" t="s">
        <v>284</v>
      </c>
      <c r="D613" s="15" t="s">
        <v>131</v>
      </c>
      <c r="E613" s="15" t="s">
        <v>302</v>
      </c>
      <c r="F613" s="16">
        <v>396986000</v>
      </c>
    </row>
    <row r="614" spans="1:6" ht="27" customHeight="1" x14ac:dyDescent="0.45">
      <c r="A614" s="17"/>
      <c r="B614" s="18"/>
      <c r="C614" s="15" t="s">
        <v>284</v>
      </c>
      <c r="D614" s="15" t="s">
        <v>131</v>
      </c>
      <c r="E614" s="15" t="s">
        <v>302</v>
      </c>
      <c r="F614" s="16">
        <v>258278700</v>
      </c>
    </row>
    <row r="615" spans="1:6" ht="27" customHeight="1" x14ac:dyDescent="0.45">
      <c r="A615" s="17"/>
      <c r="B615" s="18"/>
      <c r="C615" s="15" t="s">
        <v>284</v>
      </c>
      <c r="D615" s="15" t="s">
        <v>131</v>
      </c>
      <c r="E615" s="15" t="s">
        <v>302</v>
      </c>
      <c r="F615" s="16">
        <v>52720750</v>
      </c>
    </row>
    <row r="616" spans="1:6" ht="27" customHeight="1" x14ac:dyDescent="0.45">
      <c r="A616" s="17"/>
      <c r="B616" s="18"/>
      <c r="C616" s="15" t="s">
        <v>284</v>
      </c>
      <c r="D616" s="15" t="s">
        <v>131</v>
      </c>
      <c r="E616" s="15" t="s">
        <v>302</v>
      </c>
      <c r="F616" s="16">
        <v>2820000</v>
      </c>
    </row>
    <row r="617" spans="1:6" ht="27" customHeight="1" x14ac:dyDescent="0.45">
      <c r="A617" s="17"/>
      <c r="B617" s="18"/>
      <c r="C617" s="15" t="s">
        <v>284</v>
      </c>
      <c r="D617" s="15" t="s">
        <v>131</v>
      </c>
      <c r="E617" s="15" t="s">
        <v>302</v>
      </c>
      <c r="F617" s="16">
        <v>600000</v>
      </c>
    </row>
    <row r="618" spans="1:6" ht="27" customHeight="1" thickBot="1" x14ac:dyDescent="0.5">
      <c r="A618" s="17"/>
      <c r="B618" s="18"/>
      <c r="C618" s="19" t="s">
        <v>284</v>
      </c>
      <c r="D618" s="19" t="s">
        <v>131</v>
      </c>
      <c r="E618" s="19" t="s">
        <v>302</v>
      </c>
      <c r="F618" s="20">
        <v>514800</v>
      </c>
    </row>
    <row r="619" spans="1:6" ht="27" customHeight="1" thickTop="1" x14ac:dyDescent="0.45">
      <c r="A619" s="21"/>
      <c r="B619" s="22"/>
      <c r="C619" s="23" t="s">
        <v>116</v>
      </c>
      <c r="D619" s="24"/>
      <c r="E619" s="25" t="s">
        <v>300</v>
      </c>
      <c r="F619" s="26">
        <v>711920250</v>
      </c>
    </row>
    <row r="620" spans="1:6" ht="27" customHeight="1" x14ac:dyDescent="0.45">
      <c r="F620" s="3"/>
    </row>
    <row r="621" spans="1:6" ht="27" customHeight="1" x14ac:dyDescent="0.45">
      <c r="A621" s="5" t="s">
        <v>2</v>
      </c>
      <c r="B621" s="5" t="s">
        <v>107</v>
      </c>
      <c r="C621" s="5" t="s">
        <v>108</v>
      </c>
      <c r="D621" s="5" t="s">
        <v>109</v>
      </c>
      <c r="E621" s="5" t="s">
        <v>110</v>
      </c>
      <c r="F621" s="12" t="s">
        <v>5</v>
      </c>
    </row>
    <row r="622" spans="1:6" ht="27" customHeight="1" thickBot="1" x14ac:dyDescent="0.5">
      <c r="A622" s="13">
        <v>39</v>
      </c>
      <c r="B622" s="29" t="s">
        <v>94</v>
      </c>
      <c r="C622" s="19" t="s">
        <v>284</v>
      </c>
      <c r="D622" s="19" t="s">
        <v>131</v>
      </c>
      <c r="E622" s="19" t="s">
        <v>302</v>
      </c>
      <c r="F622" s="20">
        <v>707108096</v>
      </c>
    </row>
    <row r="623" spans="1:6" ht="27" customHeight="1" thickTop="1" x14ac:dyDescent="0.45">
      <c r="A623" s="21"/>
      <c r="B623" s="34"/>
      <c r="C623" s="23" t="s">
        <v>116</v>
      </c>
      <c r="D623" s="24"/>
      <c r="E623" s="25" t="s">
        <v>120</v>
      </c>
      <c r="F623" s="26">
        <v>707108096</v>
      </c>
    </row>
    <row r="624" spans="1:6" ht="27" customHeight="1" x14ac:dyDescent="0.45">
      <c r="F624" s="3"/>
    </row>
    <row r="625" spans="1:6" ht="27" customHeight="1" x14ac:dyDescent="0.45">
      <c r="A625" s="5" t="s">
        <v>2</v>
      </c>
      <c r="B625" s="5" t="s">
        <v>107</v>
      </c>
      <c r="C625" s="5" t="s">
        <v>108</v>
      </c>
      <c r="D625" s="5" t="s">
        <v>109</v>
      </c>
      <c r="E625" s="5" t="s">
        <v>110</v>
      </c>
      <c r="F625" s="12" t="s">
        <v>5</v>
      </c>
    </row>
    <row r="626" spans="1:6" ht="27" customHeight="1" x14ac:dyDescent="0.45">
      <c r="A626" s="13">
        <v>40</v>
      </c>
      <c r="B626" s="14" t="s">
        <v>95</v>
      </c>
      <c r="C626" s="15" t="s">
        <v>284</v>
      </c>
      <c r="D626" s="15" t="s">
        <v>131</v>
      </c>
      <c r="E626" s="15" t="s">
        <v>302</v>
      </c>
      <c r="F626" s="16">
        <v>406375000</v>
      </c>
    </row>
    <row r="627" spans="1:6" ht="27" customHeight="1" x14ac:dyDescent="0.45">
      <c r="A627" s="21"/>
      <c r="B627" s="22"/>
      <c r="C627" s="32" t="s">
        <v>284</v>
      </c>
      <c r="D627" s="15" t="s">
        <v>131</v>
      </c>
      <c r="E627" s="15" t="s">
        <v>302</v>
      </c>
      <c r="F627" s="16">
        <v>230300400</v>
      </c>
    </row>
    <row r="628" spans="1:6" ht="27" customHeight="1" x14ac:dyDescent="0.45">
      <c r="A628" s="31"/>
      <c r="B628" s="14"/>
      <c r="C628" s="32" t="s">
        <v>284</v>
      </c>
      <c r="D628" s="15" t="s">
        <v>131</v>
      </c>
      <c r="E628" s="15" t="s">
        <v>302</v>
      </c>
      <c r="F628" s="16">
        <v>51215200</v>
      </c>
    </row>
    <row r="629" spans="1:6" ht="27" customHeight="1" x14ac:dyDescent="0.45">
      <c r="A629" s="17"/>
      <c r="B629" s="18"/>
      <c r="C629" s="15" t="s">
        <v>284</v>
      </c>
      <c r="D629" s="15" t="s">
        <v>131</v>
      </c>
      <c r="E629" s="15" t="s">
        <v>302</v>
      </c>
      <c r="F629" s="16">
        <v>5460000</v>
      </c>
    </row>
    <row r="630" spans="1:6" ht="27" customHeight="1" thickBot="1" x14ac:dyDescent="0.5">
      <c r="A630" s="17"/>
      <c r="B630" s="18"/>
      <c r="C630" s="19" t="s">
        <v>284</v>
      </c>
      <c r="D630" s="19" t="s">
        <v>129</v>
      </c>
      <c r="E630" s="19" t="s">
        <v>191</v>
      </c>
      <c r="F630" s="20">
        <v>98972</v>
      </c>
    </row>
    <row r="631" spans="1:6" ht="27" customHeight="1" thickTop="1" x14ac:dyDescent="0.45">
      <c r="A631" s="21"/>
      <c r="B631" s="22"/>
      <c r="C631" s="23" t="s">
        <v>116</v>
      </c>
      <c r="D631" s="24"/>
      <c r="E631" s="25" t="s">
        <v>161</v>
      </c>
      <c r="F631" s="26">
        <v>693449572</v>
      </c>
    </row>
    <row r="632" spans="1:6" ht="27" customHeight="1" x14ac:dyDescent="0.45">
      <c r="F632" s="3"/>
    </row>
    <row r="633" spans="1:6" ht="27" customHeight="1" x14ac:dyDescent="0.45">
      <c r="A633" s="5" t="s">
        <v>2</v>
      </c>
      <c r="B633" s="5" t="s">
        <v>107</v>
      </c>
      <c r="C633" s="5" t="s">
        <v>108</v>
      </c>
      <c r="D633" s="5" t="s">
        <v>109</v>
      </c>
      <c r="E633" s="5" t="s">
        <v>110</v>
      </c>
      <c r="F633" s="12" t="s">
        <v>5</v>
      </c>
    </row>
    <row r="634" spans="1:6" ht="27" customHeight="1" x14ac:dyDescent="0.45">
      <c r="A634" s="13">
        <v>41</v>
      </c>
      <c r="B634" s="14" t="s">
        <v>96</v>
      </c>
      <c r="C634" s="15" t="s">
        <v>313</v>
      </c>
      <c r="D634" s="15" t="s">
        <v>122</v>
      </c>
      <c r="E634" s="15" t="s">
        <v>195</v>
      </c>
      <c r="F634" s="16">
        <v>468380800</v>
      </c>
    </row>
    <row r="635" spans="1:6" ht="27" customHeight="1" x14ac:dyDescent="0.45">
      <c r="A635" s="17"/>
      <c r="B635" s="18"/>
      <c r="C635" s="15" t="s">
        <v>313</v>
      </c>
      <c r="D635" s="15" t="s">
        <v>122</v>
      </c>
      <c r="E635" s="15" t="s">
        <v>195</v>
      </c>
      <c r="F635" s="16">
        <v>185801000</v>
      </c>
    </row>
    <row r="636" spans="1:6" ht="27" customHeight="1" x14ac:dyDescent="0.45">
      <c r="A636" s="17"/>
      <c r="B636" s="18"/>
      <c r="C636" s="15" t="s">
        <v>313</v>
      </c>
      <c r="D636" s="15" t="s">
        <v>122</v>
      </c>
      <c r="E636" s="15" t="s">
        <v>195</v>
      </c>
      <c r="F636" s="16">
        <v>22999000</v>
      </c>
    </row>
    <row r="637" spans="1:6" ht="27" customHeight="1" x14ac:dyDescent="0.45">
      <c r="A637" s="17"/>
      <c r="B637" s="18"/>
      <c r="C637" s="15" t="s">
        <v>284</v>
      </c>
      <c r="D637" s="15" t="s">
        <v>122</v>
      </c>
      <c r="E637" s="15" t="s">
        <v>271</v>
      </c>
      <c r="F637" s="16">
        <v>11835000</v>
      </c>
    </row>
    <row r="638" spans="1:6" ht="27" customHeight="1" thickBot="1" x14ac:dyDescent="0.5">
      <c r="A638" s="17"/>
      <c r="B638" s="18"/>
      <c r="C638" s="19" t="s">
        <v>313</v>
      </c>
      <c r="D638" s="19" t="s">
        <v>122</v>
      </c>
      <c r="E638" s="19" t="s">
        <v>216</v>
      </c>
      <c r="F638" s="20">
        <v>928483</v>
      </c>
    </row>
    <row r="639" spans="1:6" ht="27" customHeight="1" thickTop="1" x14ac:dyDescent="0.45">
      <c r="A639" s="21"/>
      <c r="B639" s="22"/>
      <c r="C639" s="23" t="s">
        <v>116</v>
      </c>
      <c r="D639" s="24"/>
      <c r="E639" s="25" t="s">
        <v>161</v>
      </c>
      <c r="F639" s="26">
        <v>689944283</v>
      </c>
    </row>
    <row r="640" spans="1:6" ht="27" customHeight="1" x14ac:dyDescent="0.45">
      <c r="F640" s="3"/>
    </row>
    <row r="641" spans="1:6" ht="27" customHeight="1" x14ac:dyDescent="0.45">
      <c r="A641" s="5" t="s">
        <v>2</v>
      </c>
      <c r="B641" s="5" t="s">
        <v>107</v>
      </c>
      <c r="C641" s="5" t="s">
        <v>108</v>
      </c>
      <c r="D641" s="5" t="s">
        <v>109</v>
      </c>
      <c r="E641" s="5" t="s">
        <v>110</v>
      </c>
      <c r="F641" s="12" t="s">
        <v>5</v>
      </c>
    </row>
    <row r="642" spans="1:6" ht="27" customHeight="1" x14ac:dyDescent="0.45">
      <c r="A642" s="13">
        <v>42</v>
      </c>
      <c r="B642" s="14" t="s">
        <v>97</v>
      </c>
      <c r="C642" s="15" t="s">
        <v>284</v>
      </c>
      <c r="D642" s="15" t="s">
        <v>131</v>
      </c>
      <c r="E642" s="15" t="s">
        <v>302</v>
      </c>
      <c r="F642" s="16">
        <v>371019000</v>
      </c>
    </row>
    <row r="643" spans="1:6" ht="27" customHeight="1" x14ac:dyDescent="0.45">
      <c r="A643" s="17"/>
      <c r="B643" s="18"/>
      <c r="C643" s="15" t="s">
        <v>284</v>
      </c>
      <c r="D643" s="15" t="s">
        <v>131</v>
      </c>
      <c r="E643" s="15" t="s">
        <v>302</v>
      </c>
      <c r="F643" s="16">
        <v>212440800</v>
      </c>
    </row>
    <row r="644" spans="1:6" ht="27" customHeight="1" x14ac:dyDescent="0.45">
      <c r="A644" s="17"/>
      <c r="B644" s="18"/>
      <c r="C644" s="15" t="s">
        <v>284</v>
      </c>
      <c r="D644" s="15" t="s">
        <v>131</v>
      </c>
      <c r="E644" s="15" t="s">
        <v>302</v>
      </c>
      <c r="F644" s="16">
        <v>99383400</v>
      </c>
    </row>
    <row r="645" spans="1:6" ht="27" customHeight="1" thickBot="1" x14ac:dyDescent="0.5">
      <c r="A645" s="17"/>
      <c r="B645" s="18"/>
      <c r="C645" s="19" t="s">
        <v>284</v>
      </c>
      <c r="D645" s="19" t="s">
        <v>131</v>
      </c>
      <c r="E645" s="19" t="s">
        <v>302</v>
      </c>
      <c r="F645" s="20">
        <v>3990000</v>
      </c>
    </row>
    <row r="646" spans="1:6" ht="27" customHeight="1" thickTop="1" x14ac:dyDescent="0.45">
      <c r="A646" s="21"/>
      <c r="B646" s="22"/>
      <c r="C646" s="23" t="s">
        <v>116</v>
      </c>
      <c r="D646" s="24"/>
      <c r="E646" s="25" t="s">
        <v>117</v>
      </c>
      <c r="F646" s="26">
        <v>686833200</v>
      </c>
    </row>
    <row r="647" spans="1:6" ht="27" customHeight="1" x14ac:dyDescent="0.45">
      <c r="F647" s="3"/>
    </row>
    <row r="648" spans="1:6" ht="27" customHeight="1" x14ac:dyDescent="0.45">
      <c r="A648" s="5" t="s">
        <v>2</v>
      </c>
      <c r="B648" s="5" t="s">
        <v>107</v>
      </c>
      <c r="C648" s="5" t="s">
        <v>108</v>
      </c>
      <c r="D648" s="5" t="s">
        <v>109</v>
      </c>
      <c r="E648" s="5" t="s">
        <v>110</v>
      </c>
      <c r="F648" s="12" t="s">
        <v>5</v>
      </c>
    </row>
    <row r="649" spans="1:6" ht="27" customHeight="1" x14ac:dyDescent="0.45">
      <c r="A649" s="13">
        <v>43</v>
      </c>
      <c r="B649" s="14" t="s">
        <v>98</v>
      </c>
      <c r="C649" s="15" t="s">
        <v>284</v>
      </c>
      <c r="D649" s="15" t="s">
        <v>131</v>
      </c>
      <c r="E649" s="15" t="s">
        <v>302</v>
      </c>
      <c r="F649" s="16">
        <v>306089000</v>
      </c>
    </row>
    <row r="650" spans="1:6" ht="27" customHeight="1" x14ac:dyDescent="0.45">
      <c r="A650" s="17"/>
      <c r="B650" s="18"/>
      <c r="C650" s="15" t="s">
        <v>284</v>
      </c>
      <c r="D650" s="15" t="s">
        <v>131</v>
      </c>
      <c r="E650" s="15" t="s">
        <v>302</v>
      </c>
      <c r="F650" s="16">
        <v>272923200</v>
      </c>
    </row>
    <row r="651" spans="1:6" ht="27" customHeight="1" x14ac:dyDescent="0.45">
      <c r="A651" s="17"/>
      <c r="B651" s="18"/>
      <c r="C651" s="15" t="s">
        <v>284</v>
      </c>
      <c r="D651" s="15" t="s">
        <v>131</v>
      </c>
      <c r="E651" s="15" t="s">
        <v>302</v>
      </c>
      <c r="F651" s="16">
        <v>105967700</v>
      </c>
    </row>
    <row r="652" spans="1:6" ht="27" customHeight="1" thickBot="1" x14ac:dyDescent="0.5">
      <c r="A652" s="17"/>
      <c r="B652" s="18"/>
      <c r="C652" s="19" t="s">
        <v>284</v>
      </c>
      <c r="D652" s="19" t="s">
        <v>131</v>
      </c>
      <c r="E652" s="19" t="s">
        <v>302</v>
      </c>
      <c r="F652" s="20">
        <v>1800000</v>
      </c>
    </row>
    <row r="653" spans="1:6" ht="27" customHeight="1" thickTop="1" x14ac:dyDescent="0.45">
      <c r="A653" s="21"/>
      <c r="B653" s="22"/>
      <c r="C653" s="23" t="s">
        <v>116</v>
      </c>
      <c r="D653" s="24"/>
      <c r="E653" s="25" t="s">
        <v>117</v>
      </c>
      <c r="F653" s="26">
        <v>686779900</v>
      </c>
    </row>
    <row r="654" spans="1:6" ht="27" customHeight="1" x14ac:dyDescent="0.45">
      <c r="F654" s="3"/>
    </row>
    <row r="655" spans="1:6" ht="27" customHeight="1" x14ac:dyDescent="0.45">
      <c r="A655" s="5" t="s">
        <v>2</v>
      </c>
      <c r="B655" s="5" t="s">
        <v>107</v>
      </c>
      <c r="C655" s="5" t="s">
        <v>108</v>
      </c>
      <c r="D655" s="5" t="s">
        <v>109</v>
      </c>
      <c r="E655" s="5" t="s">
        <v>110</v>
      </c>
      <c r="F655" s="12" t="s">
        <v>5</v>
      </c>
    </row>
    <row r="656" spans="1:6" ht="27" customHeight="1" x14ac:dyDescent="0.45">
      <c r="A656" s="13">
        <v>44</v>
      </c>
      <c r="B656" s="14" t="s">
        <v>314</v>
      </c>
      <c r="C656" s="15" t="s">
        <v>284</v>
      </c>
      <c r="D656" s="15" t="s">
        <v>131</v>
      </c>
      <c r="E656" s="15" t="s">
        <v>302</v>
      </c>
      <c r="F656" s="16">
        <v>366212000</v>
      </c>
    </row>
    <row r="657" spans="1:6" ht="27" customHeight="1" x14ac:dyDescent="0.45">
      <c r="A657" s="17"/>
      <c r="B657" s="18"/>
      <c r="C657" s="15" t="s">
        <v>284</v>
      </c>
      <c r="D657" s="15" t="s">
        <v>131</v>
      </c>
      <c r="E657" s="15" t="s">
        <v>302</v>
      </c>
      <c r="F657" s="16">
        <v>189102600</v>
      </c>
    </row>
    <row r="658" spans="1:6" ht="27" customHeight="1" x14ac:dyDescent="0.45">
      <c r="A658" s="17"/>
      <c r="B658" s="18"/>
      <c r="C658" s="15" t="s">
        <v>284</v>
      </c>
      <c r="D658" s="15" t="s">
        <v>131</v>
      </c>
      <c r="E658" s="15" t="s">
        <v>302</v>
      </c>
      <c r="F658" s="16">
        <v>65052150</v>
      </c>
    </row>
    <row r="659" spans="1:6" ht="27" customHeight="1" x14ac:dyDescent="0.45">
      <c r="A659" s="17"/>
      <c r="B659" s="18"/>
      <c r="C659" s="15" t="s">
        <v>284</v>
      </c>
      <c r="D659" s="15" t="s">
        <v>131</v>
      </c>
      <c r="E659" s="15" t="s">
        <v>302</v>
      </c>
      <c r="F659" s="16">
        <v>39176000</v>
      </c>
    </row>
    <row r="660" spans="1:6" ht="27" customHeight="1" x14ac:dyDescent="0.45">
      <c r="A660" s="17"/>
      <c r="B660" s="18"/>
      <c r="C660" s="15" t="s">
        <v>284</v>
      </c>
      <c r="D660" s="15" t="s">
        <v>131</v>
      </c>
      <c r="E660" s="15" t="s">
        <v>302</v>
      </c>
      <c r="F660" s="16">
        <v>14751000</v>
      </c>
    </row>
    <row r="661" spans="1:6" ht="27" customHeight="1" x14ac:dyDescent="0.45">
      <c r="A661" s="17"/>
      <c r="B661" s="18"/>
      <c r="C661" s="15" t="s">
        <v>284</v>
      </c>
      <c r="D661" s="15" t="s">
        <v>131</v>
      </c>
      <c r="E661" s="15" t="s">
        <v>302</v>
      </c>
      <c r="F661" s="16">
        <v>1165000</v>
      </c>
    </row>
    <row r="662" spans="1:6" ht="27" customHeight="1" x14ac:dyDescent="0.45">
      <c r="A662" s="17"/>
      <c r="B662" s="18"/>
      <c r="C662" s="15" t="s">
        <v>284</v>
      </c>
      <c r="D662" s="15" t="s">
        <v>131</v>
      </c>
      <c r="E662" s="15" t="s">
        <v>302</v>
      </c>
      <c r="F662" s="16">
        <v>524000</v>
      </c>
    </row>
    <row r="663" spans="1:6" ht="27" customHeight="1" x14ac:dyDescent="0.45">
      <c r="A663" s="17"/>
      <c r="B663" s="18"/>
      <c r="C663" s="15" t="s">
        <v>284</v>
      </c>
      <c r="D663" s="15" t="s">
        <v>131</v>
      </c>
      <c r="E663" s="15" t="s">
        <v>302</v>
      </c>
      <c r="F663" s="16">
        <v>500000</v>
      </c>
    </row>
    <row r="664" spans="1:6" ht="27" customHeight="1" x14ac:dyDescent="0.45">
      <c r="A664" s="21"/>
      <c r="B664" s="22"/>
      <c r="C664" s="32" t="s">
        <v>284</v>
      </c>
      <c r="D664" s="15" t="s">
        <v>131</v>
      </c>
      <c r="E664" s="15" t="s">
        <v>302</v>
      </c>
      <c r="F664" s="16">
        <v>300000</v>
      </c>
    </row>
    <row r="665" spans="1:6" ht="27" customHeight="1" x14ac:dyDescent="0.45">
      <c r="A665" s="31"/>
      <c r="B665" s="14"/>
      <c r="C665" s="32" t="s">
        <v>284</v>
      </c>
      <c r="D665" s="15" t="s">
        <v>131</v>
      </c>
      <c r="E665" s="15" t="s">
        <v>302</v>
      </c>
      <c r="F665" s="16">
        <v>280000</v>
      </c>
    </row>
    <row r="666" spans="1:6" ht="27" customHeight="1" thickBot="1" x14ac:dyDescent="0.5">
      <c r="A666" s="17"/>
      <c r="B666" s="18"/>
      <c r="C666" s="15" t="s">
        <v>284</v>
      </c>
      <c r="D666" s="15" t="s">
        <v>131</v>
      </c>
      <c r="E666" s="15" t="s">
        <v>302</v>
      </c>
      <c r="F666" s="16">
        <v>168300</v>
      </c>
    </row>
    <row r="667" spans="1:6" ht="27" customHeight="1" thickTop="1" x14ac:dyDescent="0.45">
      <c r="A667" s="21"/>
      <c r="B667" s="22"/>
      <c r="C667" s="23" t="s">
        <v>116</v>
      </c>
      <c r="D667" s="24"/>
      <c r="E667" s="25" t="s">
        <v>229</v>
      </c>
      <c r="F667" s="26">
        <v>677231050</v>
      </c>
    </row>
    <row r="668" spans="1:6" ht="27" customHeight="1" x14ac:dyDescent="0.45">
      <c r="F668" s="3"/>
    </row>
    <row r="669" spans="1:6" ht="27" customHeight="1" x14ac:dyDescent="0.45">
      <c r="A669" s="5" t="s">
        <v>2</v>
      </c>
      <c r="B669" s="5" t="s">
        <v>107</v>
      </c>
      <c r="C669" s="5" t="s">
        <v>108</v>
      </c>
      <c r="D669" s="5" t="s">
        <v>109</v>
      </c>
      <c r="E669" s="5" t="s">
        <v>110</v>
      </c>
      <c r="F669" s="12" t="s">
        <v>5</v>
      </c>
    </row>
    <row r="670" spans="1:6" ht="27" customHeight="1" x14ac:dyDescent="0.45">
      <c r="A670" s="13">
        <v>45</v>
      </c>
      <c r="B670" s="14" t="s">
        <v>100</v>
      </c>
      <c r="C670" s="15" t="s">
        <v>284</v>
      </c>
      <c r="D670" s="15" t="s">
        <v>131</v>
      </c>
      <c r="E670" s="15" t="s">
        <v>302</v>
      </c>
      <c r="F670" s="16">
        <v>386232000</v>
      </c>
    </row>
    <row r="671" spans="1:6" ht="27" customHeight="1" x14ac:dyDescent="0.45">
      <c r="A671" s="17"/>
      <c r="B671" s="18"/>
      <c r="C671" s="15" t="s">
        <v>284</v>
      </c>
      <c r="D671" s="15" t="s">
        <v>131</v>
      </c>
      <c r="E671" s="15" t="s">
        <v>302</v>
      </c>
      <c r="F671" s="16">
        <v>215369100</v>
      </c>
    </row>
    <row r="672" spans="1:6" ht="27" customHeight="1" x14ac:dyDescent="0.45">
      <c r="A672" s="17"/>
      <c r="B672" s="18"/>
      <c r="C672" s="15" t="s">
        <v>284</v>
      </c>
      <c r="D672" s="15" t="s">
        <v>131</v>
      </c>
      <c r="E672" s="15" t="s">
        <v>302</v>
      </c>
      <c r="F672" s="16">
        <v>69245000</v>
      </c>
    </row>
    <row r="673" spans="1:6" ht="27" customHeight="1" x14ac:dyDescent="0.45">
      <c r="A673" s="17"/>
      <c r="B673" s="18"/>
      <c r="C673" s="15" t="s">
        <v>284</v>
      </c>
      <c r="D673" s="15" t="s">
        <v>131</v>
      </c>
      <c r="E673" s="15" t="s">
        <v>302</v>
      </c>
      <c r="F673" s="16">
        <v>2360000</v>
      </c>
    </row>
    <row r="674" spans="1:6" ht="27" customHeight="1" x14ac:dyDescent="0.45">
      <c r="A674" s="17"/>
      <c r="B674" s="18"/>
      <c r="C674" s="15" t="s">
        <v>284</v>
      </c>
      <c r="D674" s="15" t="s">
        <v>131</v>
      </c>
      <c r="E674" s="15" t="s">
        <v>302</v>
      </c>
      <c r="F674" s="16">
        <v>140000</v>
      </c>
    </row>
    <row r="675" spans="1:6" ht="27" customHeight="1" thickBot="1" x14ac:dyDescent="0.5">
      <c r="A675" s="17"/>
      <c r="B675" s="18"/>
      <c r="C675" s="19" t="s">
        <v>284</v>
      </c>
      <c r="D675" s="19" t="s">
        <v>129</v>
      </c>
      <c r="E675" s="19" t="s">
        <v>191</v>
      </c>
      <c r="F675" s="20">
        <v>128936</v>
      </c>
    </row>
    <row r="676" spans="1:6" ht="27" customHeight="1" thickTop="1" x14ac:dyDescent="0.45">
      <c r="A676" s="21"/>
      <c r="B676" s="22"/>
      <c r="C676" s="23" t="s">
        <v>116</v>
      </c>
      <c r="D676" s="24"/>
      <c r="E676" s="25" t="s">
        <v>300</v>
      </c>
      <c r="F676" s="26">
        <v>673475036</v>
      </c>
    </row>
    <row r="677" spans="1:6" ht="27" customHeight="1" x14ac:dyDescent="0.45">
      <c r="F677" s="3"/>
    </row>
    <row r="678" spans="1:6" ht="27" customHeight="1" x14ac:dyDescent="0.45">
      <c r="A678" s="5" t="s">
        <v>2</v>
      </c>
      <c r="B678" s="5" t="s">
        <v>107</v>
      </c>
      <c r="C678" s="5" t="s">
        <v>108</v>
      </c>
      <c r="D678" s="5" t="s">
        <v>109</v>
      </c>
      <c r="E678" s="5" t="s">
        <v>110</v>
      </c>
      <c r="F678" s="12" t="s">
        <v>5</v>
      </c>
    </row>
    <row r="679" spans="1:6" ht="27" customHeight="1" x14ac:dyDescent="0.45">
      <c r="A679" s="13">
        <v>46</v>
      </c>
      <c r="B679" s="14" t="s">
        <v>101</v>
      </c>
      <c r="C679" s="15" t="s">
        <v>284</v>
      </c>
      <c r="D679" s="15" t="s">
        <v>131</v>
      </c>
      <c r="E679" s="15" t="s">
        <v>302</v>
      </c>
      <c r="F679" s="16">
        <v>331402000</v>
      </c>
    </row>
    <row r="680" spans="1:6" ht="27" customHeight="1" x14ac:dyDescent="0.45">
      <c r="A680" s="17"/>
      <c r="B680" s="18"/>
      <c r="C680" s="15" t="s">
        <v>284</v>
      </c>
      <c r="D680" s="15" t="s">
        <v>131</v>
      </c>
      <c r="E680" s="15" t="s">
        <v>302</v>
      </c>
      <c r="F680" s="16">
        <v>213048000</v>
      </c>
    </row>
    <row r="681" spans="1:6" ht="27" customHeight="1" x14ac:dyDescent="0.45">
      <c r="A681" s="17"/>
      <c r="B681" s="18"/>
      <c r="C681" s="32" t="s">
        <v>284</v>
      </c>
      <c r="D681" s="15" t="s">
        <v>131</v>
      </c>
      <c r="E681" s="15" t="s">
        <v>302</v>
      </c>
      <c r="F681" s="16">
        <v>85929600</v>
      </c>
    </row>
    <row r="682" spans="1:6" ht="27" customHeight="1" x14ac:dyDescent="0.45">
      <c r="A682" s="17"/>
      <c r="B682" s="18"/>
      <c r="C682" s="32" t="s">
        <v>284</v>
      </c>
      <c r="D682" s="15" t="s">
        <v>131</v>
      </c>
      <c r="E682" s="15" t="s">
        <v>302</v>
      </c>
      <c r="F682" s="16">
        <v>8340000</v>
      </c>
    </row>
    <row r="683" spans="1:6" ht="27" customHeight="1" thickBot="1" x14ac:dyDescent="0.5">
      <c r="A683" s="17"/>
      <c r="B683" s="18"/>
      <c r="C683" s="19" t="s">
        <v>284</v>
      </c>
      <c r="D683" s="19" t="s">
        <v>131</v>
      </c>
      <c r="E683" s="19" t="s">
        <v>302</v>
      </c>
      <c r="F683" s="20">
        <v>1306000</v>
      </c>
    </row>
    <row r="684" spans="1:6" ht="27" customHeight="1" thickTop="1" x14ac:dyDescent="0.45">
      <c r="A684" s="21"/>
      <c r="B684" s="22"/>
      <c r="C684" s="23" t="s">
        <v>116</v>
      </c>
      <c r="D684" s="24"/>
      <c r="E684" s="25" t="s">
        <v>161</v>
      </c>
      <c r="F684" s="26">
        <v>640025600</v>
      </c>
    </row>
    <row r="685" spans="1:6" ht="27" customHeight="1" x14ac:dyDescent="0.45">
      <c r="F685" s="3"/>
    </row>
    <row r="686" spans="1:6" ht="27" customHeight="1" x14ac:dyDescent="0.45">
      <c r="A686" s="5" t="s">
        <v>2</v>
      </c>
      <c r="B686" s="5" t="s">
        <v>107</v>
      </c>
      <c r="C686" s="5" t="s">
        <v>108</v>
      </c>
      <c r="D686" s="5" t="s">
        <v>109</v>
      </c>
      <c r="E686" s="5" t="s">
        <v>110</v>
      </c>
      <c r="F686" s="12" t="s">
        <v>5</v>
      </c>
    </row>
    <row r="687" spans="1:6" ht="27" customHeight="1" x14ac:dyDescent="0.45">
      <c r="A687" s="13">
        <v>47</v>
      </c>
      <c r="B687" s="29" t="s">
        <v>102</v>
      </c>
      <c r="C687" s="15" t="s">
        <v>284</v>
      </c>
      <c r="D687" s="15" t="s">
        <v>131</v>
      </c>
      <c r="E687" s="15" t="s">
        <v>301</v>
      </c>
      <c r="F687" s="16">
        <v>199934000</v>
      </c>
    </row>
    <row r="688" spans="1:6" ht="27" customHeight="1" x14ac:dyDescent="0.45">
      <c r="A688" s="17"/>
      <c r="B688" s="30"/>
      <c r="C688" s="15" t="s">
        <v>284</v>
      </c>
      <c r="D688" s="15" t="s">
        <v>131</v>
      </c>
      <c r="E688" s="15" t="s">
        <v>301</v>
      </c>
      <c r="F688" s="16">
        <v>122707000</v>
      </c>
    </row>
    <row r="689" spans="1:6" ht="27" customHeight="1" x14ac:dyDescent="0.45">
      <c r="A689" s="17"/>
      <c r="B689" s="18"/>
      <c r="C689" s="15" t="s">
        <v>284</v>
      </c>
      <c r="D689" s="15" t="s">
        <v>131</v>
      </c>
      <c r="E689" s="15" t="s">
        <v>301</v>
      </c>
      <c r="F689" s="16">
        <v>80820000</v>
      </c>
    </row>
    <row r="690" spans="1:6" ht="27" customHeight="1" x14ac:dyDescent="0.45">
      <c r="A690" s="17"/>
      <c r="B690" s="18"/>
      <c r="C690" s="15" t="s">
        <v>284</v>
      </c>
      <c r="D690" s="15" t="s">
        <v>131</v>
      </c>
      <c r="E690" s="15" t="s">
        <v>315</v>
      </c>
      <c r="F690" s="16">
        <v>58746000</v>
      </c>
    </row>
    <row r="691" spans="1:6" ht="27" customHeight="1" x14ac:dyDescent="0.45">
      <c r="A691" s="17"/>
      <c r="B691" s="18"/>
      <c r="C691" s="15" t="s">
        <v>284</v>
      </c>
      <c r="D691" s="15" t="s">
        <v>131</v>
      </c>
      <c r="E691" s="15" t="s">
        <v>203</v>
      </c>
      <c r="F691" s="16">
        <v>56647000</v>
      </c>
    </row>
    <row r="692" spans="1:6" ht="27" customHeight="1" x14ac:dyDescent="0.45">
      <c r="A692" s="17"/>
      <c r="B692" s="18"/>
      <c r="C692" s="15" t="s">
        <v>284</v>
      </c>
      <c r="D692" s="15" t="s">
        <v>131</v>
      </c>
      <c r="E692" s="15" t="s">
        <v>301</v>
      </c>
      <c r="F692" s="16">
        <v>25640000</v>
      </c>
    </row>
    <row r="693" spans="1:6" ht="27" customHeight="1" x14ac:dyDescent="0.45">
      <c r="A693" s="17"/>
      <c r="B693" s="18"/>
      <c r="C693" s="15" t="s">
        <v>284</v>
      </c>
      <c r="D693" s="15" t="s">
        <v>131</v>
      </c>
      <c r="E693" s="15" t="s">
        <v>187</v>
      </c>
      <c r="F693" s="16">
        <v>22958000</v>
      </c>
    </row>
    <row r="694" spans="1:6" ht="27" customHeight="1" x14ac:dyDescent="0.45">
      <c r="A694" s="17"/>
      <c r="B694" s="18"/>
      <c r="C694" s="15" t="s">
        <v>284</v>
      </c>
      <c r="D694" s="15" t="s">
        <v>131</v>
      </c>
      <c r="E694" s="15" t="s">
        <v>301</v>
      </c>
      <c r="F694" s="16">
        <v>11228333</v>
      </c>
    </row>
    <row r="695" spans="1:6" ht="27" customHeight="1" x14ac:dyDescent="0.45">
      <c r="A695" s="17"/>
      <c r="B695" s="18"/>
      <c r="C695" s="15" t="s">
        <v>284</v>
      </c>
      <c r="D695" s="15" t="s">
        <v>131</v>
      </c>
      <c r="E695" s="15" t="s">
        <v>301</v>
      </c>
      <c r="F695" s="16">
        <v>10055000</v>
      </c>
    </row>
    <row r="696" spans="1:6" ht="27" customHeight="1" x14ac:dyDescent="0.45">
      <c r="A696" s="17"/>
      <c r="B696" s="18"/>
      <c r="C696" s="15" t="s">
        <v>284</v>
      </c>
      <c r="D696" s="15" t="s">
        <v>131</v>
      </c>
      <c r="E696" s="15" t="s">
        <v>301</v>
      </c>
      <c r="F696" s="16">
        <v>8699000</v>
      </c>
    </row>
    <row r="697" spans="1:6" ht="27" customHeight="1" x14ac:dyDescent="0.45">
      <c r="A697" s="17"/>
      <c r="B697" s="18"/>
      <c r="C697" s="15" t="s">
        <v>284</v>
      </c>
      <c r="D697" s="15" t="s">
        <v>131</v>
      </c>
      <c r="E697" s="15" t="s">
        <v>301</v>
      </c>
      <c r="F697" s="16">
        <v>8643667</v>
      </c>
    </row>
    <row r="698" spans="1:6" ht="27" customHeight="1" x14ac:dyDescent="0.45">
      <c r="A698" s="17"/>
      <c r="B698" s="18"/>
      <c r="C698" s="15" t="s">
        <v>284</v>
      </c>
      <c r="D698" s="15" t="s">
        <v>131</v>
      </c>
      <c r="E698" s="15" t="s">
        <v>301</v>
      </c>
      <c r="F698" s="16">
        <v>6896295</v>
      </c>
    </row>
    <row r="699" spans="1:6" ht="27" customHeight="1" x14ac:dyDescent="0.45">
      <c r="A699" s="17"/>
      <c r="B699" s="18"/>
      <c r="C699" s="15" t="s">
        <v>284</v>
      </c>
      <c r="D699" s="15" t="s">
        <v>131</v>
      </c>
      <c r="E699" s="15" t="s">
        <v>187</v>
      </c>
      <c r="F699" s="16">
        <v>3459000</v>
      </c>
    </row>
    <row r="700" spans="1:6" ht="27" customHeight="1" x14ac:dyDescent="0.45">
      <c r="A700" s="17"/>
      <c r="B700" s="18"/>
      <c r="C700" s="15" t="s">
        <v>284</v>
      </c>
      <c r="D700" s="15" t="s">
        <v>131</v>
      </c>
      <c r="E700" s="15" t="s">
        <v>301</v>
      </c>
      <c r="F700" s="16">
        <v>3242000</v>
      </c>
    </row>
    <row r="701" spans="1:6" ht="27" customHeight="1" x14ac:dyDescent="0.45">
      <c r="A701" s="21"/>
      <c r="B701" s="22"/>
      <c r="C701" s="32" t="s">
        <v>284</v>
      </c>
      <c r="D701" s="15" t="s">
        <v>131</v>
      </c>
      <c r="E701" s="15" t="s">
        <v>301</v>
      </c>
      <c r="F701" s="16">
        <v>3158002</v>
      </c>
    </row>
    <row r="702" spans="1:6" ht="27" customHeight="1" x14ac:dyDescent="0.45">
      <c r="A702" s="31"/>
      <c r="B702" s="14"/>
      <c r="C702" s="32" t="s">
        <v>284</v>
      </c>
      <c r="D702" s="15" t="s">
        <v>131</v>
      </c>
      <c r="E702" s="15" t="s">
        <v>301</v>
      </c>
      <c r="F702" s="16">
        <v>2062000</v>
      </c>
    </row>
    <row r="703" spans="1:6" ht="27" customHeight="1" x14ac:dyDescent="0.45">
      <c r="A703" s="17"/>
      <c r="B703" s="18"/>
      <c r="C703" s="15" t="s">
        <v>284</v>
      </c>
      <c r="D703" s="15" t="s">
        <v>131</v>
      </c>
      <c r="E703" s="15" t="s">
        <v>187</v>
      </c>
      <c r="F703" s="16">
        <v>1140000</v>
      </c>
    </row>
    <row r="704" spans="1:6" ht="27" customHeight="1" x14ac:dyDescent="0.45">
      <c r="A704" s="17"/>
      <c r="B704" s="18"/>
      <c r="C704" s="15" t="s">
        <v>284</v>
      </c>
      <c r="D704" s="15" t="s">
        <v>131</v>
      </c>
      <c r="E704" s="15" t="s">
        <v>301</v>
      </c>
      <c r="F704" s="16">
        <v>614000</v>
      </c>
    </row>
    <row r="705" spans="1:6" ht="27" customHeight="1" x14ac:dyDescent="0.45">
      <c r="A705" s="17"/>
      <c r="B705" s="18"/>
      <c r="C705" s="15" t="s">
        <v>284</v>
      </c>
      <c r="D705" s="15" t="s">
        <v>131</v>
      </c>
      <c r="E705" s="15" t="s">
        <v>301</v>
      </c>
      <c r="F705" s="16">
        <v>284000</v>
      </c>
    </row>
    <row r="706" spans="1:6" ht="27" customHeight="1" x14ac:dyDescent="0.45">
      <c r="A706" s="17"/>
      <c r="B706" s="18"/>
      <c r="C706" s="15" t="s">
        <v>285</v>
      </c>
      <c r="D706" s="15" t="s">
        <v>131</v>
      </c>
      <c r="E706" s="15" t="s">
        <v>301</v>
      </c>
      <c r="F706" s="16">
        <v>190000</v>
      </c>
    </row>
    <row r="707" spans="1:6" ht="27" customHeight="1" x14ac:dyDescent="0.45">
      <c r="A707" s="17"/>
      <c r="B707" s="18"/>
      <c r="C707" s="15" t="s">
        <v>287</v>
      </c>
      <c r="D707" s="15" t="s">
        <v>131</v>
      </c>
      <c r="E707" s="15" t="s">
        <v>288</v>
      </c>
      <c r="F707" s="16">
        <v>159000</v>
      </c>
    </row>
    <row r="708" spans="1:6" ht="27" customHeight="1" x14ac:dyDescent="0.45">
      <c r="A708" s="17"/>
      <c r="B708" s="18"/>
      <c r="C708" s="15" t="s">
        <v>287</v>
      </c>
      <c r="D708" s="15" t="s">
        <v>131</v>
      </c>
      <c r="E708" s="15" t="s">
        <v>288</v>
      </c>
      <c r="F708" s="16">
        <v>71000</v>
      </c>
    </row>
    <row r="709" spans="1:6" ht="27" customHeight="1" x14ac:dyDescent="0.45">
      <c r="A709" s="17"/>
      <c r="B709" s="18"/>
      <c r="C709" s="15" t="s">
        <v>287</v>
      </c>
      <c r="D709" s="15" t="s">
        <v>131</v>
      </c>
      <c r="E709" s="15" t="s">
        <v>316</v>
      </c>
      <c r="F709" s="16">
        <v>71000</v>
      </c>
    </row>
    <row r="710" spans="1:6" ht="27" customHeight="1" x14ac:dyDescent="0.45">
      <c r="A710" s="17"/>
      <c r="B710" s="18"/>
      <c r="C710" s="15" t="s">
        <v>284</v>
      </c>
      <c r="D710" s="15" t="s">
        <v>131</v>
      </c>
      <c r="E710" s="15" t="s">
        <v>301</v>
      </c>
      <c r="F710" s="16">
        <v>33998</v>
      </c>
    </row>
    <row r="711" spans="1:6" ht="27" customHeight="1" x14ac:dyDescent="0.45">
      <c r="A711" s="17"/>
      <c r="B711" s="18"/>
      <c r="C711" s="15" t="s">
        <v>287</v>
      </c>
      <c r="D711" s="15" t="s">
        <v>131</v>
      </c>
      <c r="E711" s="15" t="s">
        <v>250</v>
      </c>
      <c r="F711" s="16">
        <v>31000</v>
      </c>
    </row>
    <row r="712" spans="1:6" ht="27" customHeight="1" x14ac:dyDescent="0.45">
      <c r="A712" s="17"/>
      <c r="B712" s="18"/>
      <c r="C712" s="15" t="s">
        <v>287</v>
      </c>
      <c r="D712" s="15" t="s">
        <v>131</v>
      </c>
      <c r="E712" s="15" t="s">
        <v>291</v>
      </c>
      <c r="F712" s="16">
        <v>31000</v>
      </c>
    </row>
    <row r="713" spans="1:6" ht="27" customHeight="1" x14ac:dyDescent="0.45">
      <c r="A713" s="17"/>
      <c r="B713" s="18"/>
      <c r="C713" s="15" t="s">
        <v>287</v>
      </c>
      <c r="D713" s="15" t="s">
        <v>131</v>
      </c>
      <c r="E713" s="15" t="s">
        <v>288</v>
      </c>
      <c r="F713" s="16">
        <v>29000</v>
      </c>
    </row>
    <row r="714" spans="1:6" ht="27" customHeight="1" thickBot="1" x14ac:dyDescent="0.5">
      <c r="A714" s="17"/>
      <c r="B714" s="18"/>
      <c r="C714" s="19" t="s">
        <v>285</v>
      </c>
      <c r="D714" s="19" t="s">
        <v>131</v>
      </c>
      <c r="E714" s="19" t="s">
        <v>291</v>
      </c>
      <c r="F714" s="20">
        <v>22000</v>
      </c>
    </row>
    <row r="715" spans="1:6" ht="27" customHeight="1" thickTop="1" x14ac:dyDescent="0.45">
      <c r="A715" s="21"/>
      <c r="B715" s="22"/>
      <c r="C715" s="23" t="s">
        <v>116</v>
      </c>
      <c r="D715" s="24"/>
      <c r="E715" s="25" t="s">
        <v>317</v>
      </c>
      <c r="F715" s="26">
        <v>627571295</v>
      </c>
    </row>
    <row r="716" spans="1:6" ht="27" customHeight="1" x14ac:dyDescent="0.45">
      <c r="F716" s="3"/>
    </row>
    <row r="717" spans="1:6" ht="27" customHeight="1" x14ac:dyDescent="0.45">
      <c r="A717" s="5" t="s">
        <v>2</v>
      </c>
      <c r="B717" s="5" t="s">
        <v>107</v>
      </c>
      <c r="C717" s="5" t="s">
        <v>108</v>
      </c>
      <c r="D717" s="5" t="s">
        <v>109</v>
      </c>
      <c r="E717" s="5" t="s">
        <v>110</v>
      </c>
      <c r="F717" s="12" t="s">
        <v>5</v>
      </c>
    </row>
    <row r="718" spans="1:6" ht="27" customHeight="1" x14ac:dyDescent="0.45">
      <c r="A718" s="13">
        <v>48</v>
      </c>
      <c r="B718" s="14" t="s">
        <v>318</v>
      </c>
      <c r="C718" s="15" t="s">
        <v>284</v>
      </c>
      <c r="D718" s="15" t="s">
        <v>131</v>
      </c>
      <c r="E718" s="15" t="s">
        <v>302</v>
      </c>
      <c r="F718" s="16">
        <v>341344000</v>
      </c>
    </row>
    <row r="719" spans="1:6" ht="27" customHeight="1" x14ac:dyDescent="0.45">
      <c r="A719" s="17"/>
      <c r="B719" s="18"/>
      <c r="C719" s="15" t="s">
        <v>284</v>
      </c>
      <c r="D719" s="15" t="s">
        <v>131</v>
      </c>
      <c r="E719" s="15" t="s">
        <v>302</v>
      </c>
      <c r="F719" s="16">
        <v>191495700</v>
      </c>
    </row>
    <row r="720" spans="1:6" ht="27" customHeight="1" x14ac:dyDescent="0.45">
      <c r="A720" s="17"/>
      <c r="B720" s="18"/>
      <c r="C720" s="15" t="s">
        <v>284</v>
      </c>
      <c r="D720" s="15" t="s">
        <v>131</v>
      </c>
      <c r="E720" s="15" t="s">
        <v>302</v>
      </c>
      <c r="F720" s="16">
        <v>91549800</v>
      </c>
    </row>
    <row r="721" spans="1:6" ht="27" customHeight="1" x14ac:dyDescent="0.45">
      <c r="A721" s="17"/>
      <c r="B721" s="18"/>
      <c r="C721" s="15" t="s">
        <v>284</v>
      </c>
      <c r="D721" s="15" t="s">
        <v>131</v>
      </c>
      <c r="E721" s="15" t="s">
        <v>302</v>
      </c>
      <c r="F721" s="16">
        <v>1460000</v>
      </c>
    </row>
    <row r="722" spans="1:6" ht="27" customHeight="1" thickBot="1" x14ac:dyDescent="0.5">
      <c r="A722" s="17"/>
      <c r="B722" s="18"/>
      <c r="C722" s="19" t="s">
        <v>284</v>
      </c>
      <c r="D722" s="19" t="s">
        <v>131</v>
      </c>
      <c r="E722" s="19" t="s">
        <v>302</v>
      </c>
      <c r="F722" s="20">
        <v>660000</v>
      </c>
    </row>
    <row r="723" spans="1:6" ht="27" customHeight="1" thickTop="1" x14ac:dyDescent="0.45">
      <c r="A723" s="21"/>
      <c r="B723" s="22"/>
      <c r="C723" s="23" t="s">
        <v>116</v>
      </c>
      <c r="D723" s="24"/>
      <c r="E723" s="25" t="s">
        <v>161</v>
      </c>
      <c r="F723" s="26">
        <v>626509500</v>
      </c>
    </row>
    <row r="724" spans="1:6" ht="27" customHeight="1" x14ac:dyDescent="0.45">
      <c r="F724" s="3"/>
    </row>
    <row r="725" spans="1:6" ht="27" customHeight="1" x14ac:dyDescent="0.45">
      <c r="A725" s="5" t="s">
        <v>2</v>
      </c>
      <c r="B725" s="5" t="s">
        <v>107</v>
      </c>
      <c r="C725" s="5" t="s">
        <v>108</v>
      </c>
      <c r="D725" s="5" t="s">
        <v>109</v>
      </c>
      <c r="E725" s="5" t="s">
        <v>110</v>
      </c>
      <c r="F725" s="12" t="s">
        <v>5</v>
      </c>
    </row>
    <row r="726" spans="1:6" ht="27" customHeight="1" x14ac:dyDescent="0.45">
      <c r="A726" s="13">
        <v>49</v>
      </c>
      <c r="B726" s="14" t="s">
        <v>104</v>
      </c>
      <c r="C726" s="15" t="s">
        <v>284</v>
      </c>
      <c r="D726" s="15" t="s">
        <v>131</v>
      </c>
      <c r="E726" s="15" t="s">
        <v>302</v>
      </c>
      <c r="F726" s="16">
        <v>449091000</v>
      </c>
    </row>
    <row r="727" spans="1:6" ht="27" customHeight="1" x14ac:dyDescent="0.45">
      <c r="A727" s="17"/>
      <c r="B727" s="18"/>
      <c r="C727" s="15" t="s">
        <v>284</v>
      </c>
      <c r="D727" s="15" t="s">
        <v>131</v>
      </c>
      <c r="E727" s="15" t="s">
        <v>302</v>
      </c>
      <c r="F727" s="16">
        <v>113794800</v>
      </c>
    </row>
    <row r="728" spans="1:6" ht="27" customHeight="1" x14ac:dyDescent="0.45">
      <c r="A728" s="17"/>
      <c r="B728" s="18"/>
      <c r="C728" s="15" t="s">
        <v>284</v>
      </c>
      <c r="D728" s="15" t="s">
        <v>131</v>
      </c>
      <c r="E728" s="15" t="s">
        <v>302</v>
      </c>
      <c r="F728" s="16">
        <v>52858400</v>
      </c>
    </row>
    <row r="729" spans="1:6" ht="27" customHeight="1" x14ac:dyDescent="0.45">
      <c r="A729" s="17"/>
      <c r="B729" s="18"/>
      <c r="C729" s="15" t="s">
        <v>284</v>
      </c>
      <c r="D729" s="15" t="s">
        <v>131</v>
      </c>
      <c r="E729" s="15" t="s">
        <v>302</v>
      </c>
      <c r="F729" s="16">
        <v>5364000</v>
      </c>
    </row>
    <row r="730" spans="1:6" ht="27" customHeight="1" x14ac:dyDescent="0.45">
      <c r="A730" s="17"/>
      <c r="B730" s="18"/>
      <c r="C730" s="15" t="s">
        <v>284</v>
      </c>
      <c r="D730" s="15" t="s">
        <v>131</v>
      </c>
      <c r="E730" s="15" t="s">
        <v>302</v>
      </c>
      <c r="F730" s="16">
        <v>1169000</v>
      </c>
    </row>
    <row r="731" spans="1:6" ht="27" customHeight="1" thickBot="1" x14ac:dyDescent="0.5">
      <c r="A731" s="17"/>
      <c r="B731" s="18"/>
      <c r="C731" s="19" t="s">
        <v>284</v>
      </c>
      <c r="D731" s="19" t="s">
        <v>131</v>
      </c>
      <c r="E731" s="19" t="s">
        <v>302</v>
      </c>
      <c r="F731" s="20">
        <v>317000</v>
      </c>
    </row>
    <row r="732" spans="1:6" ht="27" customHeight="1" thickTop="1" x14ac:dyDescent="0.45">
      <c r="A732" s="21"/>
      <c r="B732" s="22"/>
      <c r="C732" s="23" t="s">
        <v>116</v>
      </c>
      <c r="D732" s="24"/>
      <c r="E732" s="25" t="s">
        <v>300</v>
      </c>
      <c r="F732" s="26">
        <v>622594200</v>
      </c>
    </row>
    <row r="733" spans="1:6" ht="27" customHeight="1" x14ac:dyDescent="0.45">
      <c r="F733" s="3"/>
    </row>
    <row r="734" spans="1:6" ht="27" customHeight="1" x14ac:dyDescent="0.45">
      <c r="A734" s="5" t="s">
        <v>2</v>
      </c>
      <c r="B734" s="5" t="s">
        <v>107</v>
      </c>
      <c r="C734" s="5" t="s">
        <v>108</v>
      </c>
      <c r="D734" s="5" t="s">
        <v>109</v>
      </c>
      <c r="E734" s="5" t="s">
        <v>110</v>
      </c>
      <c r="F734" s="12" t="s">
        <v>5</v>
      </c>
    </row>
    <row r="735" spans="1:6" ht="27" customHeight="1" x14ac:dyDescent="0.45">
      <c r="A735" s="13">
        <v>50</v>
      </c>
      <c r="B735" s="14" t="s">
        <v>105</v>
      </c>
      <c r="C735" s="15" t="s">
        <v>284</v>
      </c>
      <c r="D735" s="15" t="s">
        <v>131</v>
      </c>
      <c r="E735" s="15" t="s">
        <v>302</v>
      </c>
      <c r="F735" s="16">
        <v>297083000</v>
      </c>
    </row>
    <row r="736" spans="1:6" ht="27" customHeight="1" x14ac:dyDescent="0.45">
      <c r="A736" s="17"/>
      <c r="B736" s="18"/>
      <c r="C736" s="15" t="s">
        <v>284</v>
      </c>
      <c r="D736" s="15" t="s">
        <v>131</v>
      </c>
      <c r="E736" s="15" t="s">
        <v>302</v>
      </c>
      <c r="F736" s="16">
        <v>180444000</v>
      </c>
    </row>
    <row r="737" spans="1:6" ht="27" customHeight="1" x14ac:dyDescent="0.45">
      <c r="A737" s="17"/>
      <c r="B737" s="18"/>
      <c r="C737" s="15" t="s">
        <v>284</v>
      </c>
      <c r="D737" s="15" t="s">
        <v>131</v>
      </c>
      <c r="E737" s="15" t="s">
        <v>302</v>
      </c>
      <c r="F737" s="16">
        <v>79953700</v>
      </c>
    </row>
    <row r="738" spans="1:6" ht="27" customHeight="1" x14ac:dyDescent="0.45">
      <c r="A738" s="21"/>
      <c r="B738" s="22"/>
      <c r="C738" s="32" t="s">
        <v>284</v>
      </c>
      <c r="D738" s="15" t="s">
        <v>131</v>
      </c>
      <c r="E738" s="15" t="s">
        <v>302</v>
      </c>
      <c r="F738" s="16">
        <v>20968000</v>
      </c>
    </row>
    <row r="739" spans="1:6" ht="27" customHeight="1" x14ac:dyDescent="0.45">
      <c r="A739" s="31"/>
      <c r="B739" s="14"/>
      <c r="C739" s="32" t="s">
        <v>284</v>
      </c>
      <c r="D739" s="15" t="s">
        <v>131</v>
      </c>
      <c r="E739" s="15" t="s">
        <v>302</v>
      </c>
      <c r="F739" s="16">
        <v>8760000</v>
      </c>
    </row>
    <row r="740" spans="1:6" ht="27" customHeight="1" x14ac:dyDescent="0.45">
      <c r="A740" s="17"/>
      <c r="B740" s="18"/>
      <c r="C740" s="15" t="s">
        <v>284</v>
      </c>
      <c r="D740" s="15" t="s">
        <v>131</v>
      </c>
      <c r="E740" s="15" t="s">
        <v>302</v>
      </c>
      <c r="F740" s="16">
        <v>6886000</v>
      </c>
    </row>
    <row r="741" spans="1:6" ht="27" customHeight="1" x14ac:dyDescent="0.45">
      <c r="A741" s="17"/>
      <c r="B741" s="18"/>
      <c r="C741" s="15" t="s">
        <v>284</v>
      </c>
      <c r="D741" s="15" t="s">
        <v>131</v>
      </c>
      <c r="E741" s="15" t="s">
        <v>302</v>
      </c>
      <c r="F741" s="16">
        <v>900000</v>
      </c>
    </row>
    <row r="742" spans="1:6" ht="27" customHeight="1" x14ac:dyDescent="0.45">
      <c r="A742" s="17"/>
      <c r="B742" s="18"/>
      <c r="C742" s="15" t="s">
        <v>284</v>
      </c>
      <c r="D742" s="15" t="s">
        <v>131</v>
      </c>
      <c r="E742" s="15" t="s">
        <v>302</v>
      </c>
      <c r="F742" s="16">
        <v>600000</v>
      </c>
    </row>
    <row r="743" spans="1:6" ht="27" customHeight="1" x14ac:dyDescent="0.45">
      <c r="A743" s="17"/>
      <c r="B743" s="18"/>
      <c r="C743" s="15" t="s">
        <v>284</v>
      </c>
      <c r="D743" s="15" t="s">
        <v>131</v>
      </c>
      <c r="E743" s="15" t="s">
        <v>302</v>
      </c>
      <c r="F743" s="16">
        <v>392000</v>
      </c>
    </row>
    <row r="744" spans="1:6" ht="27" customHeight="1" thickBot="1" x14ac:dyDescent="0.5">
      <c r="A744" s="17"/>
      <c r="B744" s="18"/>
      <c r="C744" s="19" t="s">
        <v>284</v>
      </c>
      <c r="D744" s="19" t="s">
        <v>131</v>
      </c>
      <c r="E744" s="19" t="s">
        <v>302</v>
      </c>
      <c r="F744" s="20">
        <v>297000</v>
      </c>
    </row>
    <row r="745" spans="1:6" ht="27" customHeight="1" thickTop="1" x14ac:dyDescent="0.45">
      <c r="A745" s="21"/>
      <c r="B745" s="22"/>
      <c r="C745" s="23" t="s">
        <v>116</v>
      </c>
      <c r="D745" s="24"/>
      <c r="E745" s="25" t="s">
        <v>238</v>
      </c>
      <c r="F745" s="26">
        <v>596283700</v>
      </c>
    </row>
    <row r="746" spans="1:6" ht="27" customHeight="1" x14ac:dyDescent="0.45"/>
  </sheetData>
  <mergeCells count="17">
    <mergeCell ref="B364:B365"/>
    <mergeCell ref="B4:B5"/>
    <mergeCell ref="B11:B12"/>
    <mergeCell ref="B18:B19"/>
    <mergeCell ref="B23:B24"/>
    <mergeCell ref="B86:B88"/>
    <mergeCell ref="B92:B93"/>
    <mergeCell ref="B122:B123"/>
    <mergeCell ref="B179:B180"/>
    <mergeCell ref="B188:B189"/>
    <mergeCell ref="B193:B194"/>
    <mergeCell ref="B258:B259"/>
    <mergeCell ref="B483:B484"/>
    <mergeCell ref="B509:B510"/>
    <mergeCell ref="B513:B514"/>
    <mergeCell ref="B622:B623"/>
    <mergeCell ref="B687:B688"/>
  </mergeCells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79" orientation="portrait" r:id="rId1"/>
  <rowBreaks count="2" manualBreakCount="2">
    <brk id="37" max="5" man="1"/>
    <brk id="7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順位（委託料）</vt:lpstr>
      <vt:lpstr>順位（負担金、補助及び交付金）</vt:lpstr>
      <vt:lpstr>一覧（委託料）</vt:lpstr>
      <vt:lpstr>一覧（負担金、補助及び交付金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02T06:53:19Z</dcterms:created>
  <dcterms:modified xsi:type="dcterms:W3CDTF">2024-11-11T01:06:29Z</dcterms:modified>
</cp:coreProperties>
</file>